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notesMasterIdLst>
    <p:notesMasterId r:id="rId7"/>
  </p:notesMasterIdLst>
  <p:sldIdLst>
    <p:sldId id="256" r:id="rId2"/>
    <p:sldId id="261" r:id="rId3"/>
    <p:sldId id="258" r:id="rId4"/>
    <p:sldId id="262" r:id="rId5"/>
    <p:sldId id="260" r:id="rId6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1E7DE72-E33C-49F3-87A2-B1954A24AEC5}" v="1601" dt="2019-03-11T18:09:40.50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375" autoAdjust="0"/>
    <p:restoredTop sz="94503" autoAdjust="0"/>
  </p:normalViewPr>
  <p:slideViewPr>
    <p:cSldViewPr snapToGrid="0">
      <p:cViewPr varScale="1">
        <p:scale>
          <a:sx n="81" d="100"/>
          <a:sy n="81" d="100"/>
        </p:scale>
        <p:origin x="754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13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microsoft.com/office/2016/11/relationships/changesInfo" Target="changesInfos/changesInfo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érémy denis" userId="2194ecfa033e9942" providerId="LiveId" clId="{31E7DE72-E33C-49F3-87A2-B1954A24AEC5}"/>
    <pc:docChg chg="undo custSel addSld delSld modSld">
      <pc:chgData name="jérémy denis" userId="2194ecfa033e9942" providerId="LiveId" clId="{31E7DE72-E33C-49F3-87A2-B1954A24AEC5}" dt="2019-03-11T18:09:40.500" v="1596" actId="478"/>
      <pc:docMkLst>
        <pc:docMk/>
      </pc:docMkLst>
      <pc:sldChg chg="modSp">
        <pc:chgData name="jérémy denis" userId="2194ecfa033e9942" providerId="LiveId" clId="{31E7DE72-E33C-49F3-87A2-B1954A24AEC5}" dt="2019-02-26T07:51:14.711" v="47" actId="27636"/>
        <pc:sldMkLst>
          <pc:docMk/>
          <pc:sldMk cId="732302333" sldId="256"/>
        </pc:sldMkLst>
        <pc:spChg chg="mod">
          <ac:chgData name="jérémy denis" userId="2194ecfa033e9942" providerId="LiveId" clId="{31E7DE72-E33C-49F3-87A2-B1954A24AEC5}" dt="2019-02-26T07:51:14.711" v="47" actId="27636"/>
          <ac:spMkLst>
            <pc:docMk/>
            <pc:sldMk cId="732302333" sldId="256"/>
            <ac:spMk id="3" creationId="{B25C3E1B-1E65-47F2-97B5-C0B503164702}"/>
          </ac:spMkLst>
        </pc:spChg>
      </pc:sldChg>
      <pc:sldChg chg="delSp modSp del">
        <pc:chgData name="jérémy denis" userId="2194ecfa033e9942" providerId="LiveId" clId="{31E7DE72-E33C-49F3-87A2-B1954A24AEC5}" dt="2019-03-11T16:24:58.646" v="819" actId="2696"/>
        <pc:sldMkLst>
          <pc:docMk/>
          <pc:sldMk cId="2674181334" sldId="257"/>
        </pc:sldMkLst>
        <pc:spChg chg="mod">
          <ac:chgData name="jérémy denis" userId="2194ecfa033e9942" providerId="LiveId" clId="{31E7DE72-E33C-49F3-87A2-B1954A24AEC5}" dt="2019-03-11T16:10:10.535" v="265" actId="20577"/>
          <ac:spMkLst>
            <pc:docMk/>
            <pc:sldMk cId="2674181334" sldId="257"/>
            <ac:spMk id="2" creationId="{2B8F4646-E2EA-4CB0-8F05-280F34AAC98E}"/>
          </ac:spMkLst>
        </pc:spChg>
        <pc:picChg chg="mod">
          <ac:chgData name="jérémy denis" userId="2194ecfa033e9942" providerId="LiveId" clId="{31E7DE72-E33C-49F3-87A2-B1954A24AEC5}" dt="2019-03-11T16:10:24.738" v="268" actId="1076"/>
          <ac:picMkLst>
            <pc:docMk/>
            <pc:sldMk cId="2674181334" sldId="257"/>
            <ac:picMk id="1026" creationId="{B44CE883-0660-4188-8963-37AA5E4AA242}"/>
          </ac:picMkLst>
        </pc:picChg>
        <pc:picChg chg="del mod">
          <ac:chgData name="jérémy denis" userId="2194ecfa033e9942" providerId="LiveId" clId="{31E7DE72-E33C-49F3-87A2-B1954A24AEC5}" dt="2019-03-11T16:11:45.585" v="288"/>
          <ac:picMkLst>
            <pc:docMk/>
            <pc:sldMk cId="2674181334" sldId="257"/>
            <ac:picMk id="1028" creationId="{2B98F0EF-5CB9-4C07-92A2-C64E205B0F07}"/>
          </ac:picMkLst>
        </pc:picChg>
      </pc:sldChg>
      <pc:sldChg chg="addSp delSp modSp">
        <pc:chgData name="jérémy denis" userId="2194ecfa033e9942" providerId="LiveId" clId="{31E7DE72-E33C-49F3-87A2-B1954A24AEC5}" dt="2019-03-11T16:34:03.992" v="924" actId="1076"/>
        <pc:sldMkLst>
          <pc:docMk/>
          <pc:sldMk cId="1397456872" sldId="258"/>
        </pc:sldMkLst>
        <pc:spChg chg="mod">
          <ac:chgData name="jérémy denis" userId="2194ecfa033e9942" providerId="LiveId" clId="{31E7DE72-E33C-49F3-87A2-B1954A24AEC5}" dt="2019-03-11T16:19:38.718" v="481" actId="14100"/>
          <ac:spMkLst>
            <pc:docMk/>
            <pc:sldMk cId="1397456872" sldId="258"/>
            <ac:spMk id="2" creationId="{4C721191-BE57-4A11-A0BA-134DB32725AD}"/>
          </ac:spMkLst>
        </pc:spChg>
        <pc:spChg chg="add mod">
          <ac:chgData name="jérémy denis" userId="2194ecfa033e9942" providerId="LiveId" clId="{31E7DE72-E33C-49F3-87A2-B1954A24AEC5}" dt="2019-03-11T16:26:29.762" v="919" actId="20577"/>
          <ac:spMkLst>
            <pc:docMk/>
            <pc:sldMk cId="1397456872" sldId="258"/>
            <ac:spMk id="8" creationId="{11A89AC9-BB82-4986-8484-EC2BBCACC325}"/>
          </ac:spMkLst>
        </pc:spChg>
        <pc:picChg chg="add mod modCrop">
          <ac:chgData name="jérémy denis" userId="2194ecfa033e9942" providerId="LiveId" clId="{31E7DE72-E33C-49F3-87A2-B1954A24AEC5}" dt="2019-03-11T16:34:03.992" v="924" actId="1076"/>
          <ac:picMkLst>
            <pc:docMk/>
            <pc:sldMk cId="1397456872" sldId="258"/>
            <ac:picMk id="1026" creationId="{FF9E730D-E916-4207-BCFC-7263A1700937}"/>
          </ac:picMkLst>
        </pc:picChg>
        <pc:picChg chg="del mod">
          <ac:chgData name="jérémy denis" userId="2194ecfa033e9942" providerId="LiveId" clId="{31E7DE72-E33C-49F3-87A2-B1954A24AEC5}" dt="2019-03-11T16:22:01.600" v="609" actId="478"/>
          <ac:picMkLst>
            <pc:docMk/>
            <pc:sldMk cId="1397456872" sldId="258"/>
            <ac:picMk id="2050" creationId="{FC4CE38C-6F34-410F-9609-A4FF07B440F3}"/>
          </ac:picMkLst>
        </pc:picChg>
        <pc:picChg chg="del mod">
          <ac:chgData name="jérémy denis" userId="2194ecfa033e9942" providerId="LiveId" clId="{31E7DE72-E33C-49F3-87A2-B1954A24AEC5}" dt="2019-03-11T16:23:56.514" v="749" actId="478"/>
          <ac:picMkLst>
            <pc:docMk/>
            <pc:sldMk cId="1397456872" sldId="258"/>
            <ac:picMk id="2052" creationId="{A6FB8C78-1E22-4C0A-99AE-26DCD72009EB}"/>
          </ac:picMkLst>
        </pc:picChg>
        <pc:picChg chg="del mod">
          <ac:chgData name="jérémy denis" userId="2194ecfa033e9942" providerId="LiveId" clId="{31E7DE72-E33C-49F3-87A2-B1954A24AEC5}" dt="2019-03-11T16:33:52.666" v="921" actId="478"/>
          <ac:picMkLst>
            <pc:docMk/>
            <pc:sldMk cId="1397456872" sldId="258"/>
            <ac:picMk id="2054" creationId="{D504F38D-CD98-4B28-B305-C70C895B8421}"/>
          </ac:picMkLst>
        </pc:picChg>
        <pc:picChg chg="del">
          <ac:chgData name="jérémy denis" userId="2194ecfa033e9942" providerId="LiveId" clId="{31E7DE72-E33C-49F3-87A2-B1954A24AEC5}" dt="2019-03-11T16:22:04.930" v="611" actId="478"/>
          <ac:picMkLst>
            <pc:docMk/>
            <pc:sldMk cId="1397456872" sldId="258"/>
            <ac:picMk id="2056" creationId="{AB478ADC-C21E-4BDA-BB32-C50DA9C44859}"/>
          </ac:picMkLst>
        </pc:picChg>
        <pc:picChg chg="del">
          <ac:chgData name="jérémy denis" userId="2194ecfa033e9942" providerId="LiveId" clId="{31E7DE72-E33C-49F3-87A2-B1954A24AEC5}" dt="2019-03-11T16:22:02.992" v="610" actId="478"/>
          <ac:picMkLst>
            <pc:docMk/>
            <pc:sldMk cId="1397456872" sldId="258"/>
            <ac:picMk id="2058" creationId="{5A7FFADA-52DE-437C-B1F3-1F7C328E6C76}"/>
          </ac:picMkLst>
        </pc:picChg>
      </pc:sldChg>
      <pc:sldChg chg="addSp delSp modSp del">
        <pc:chgData name="jérémy denis" userId="2194ecfa033e9942" providerId="LiveId" clId="{31E7DE72-E33C-49F3-87A2-B1954A24AEC5}" dt="2019-03-11T17:30:56.496" v="1243" actId="2696"/>
        <pc:sldMkLst>
          <pc:docMk/>
          <pc:sldMk cId="4248227580" sldId="259"/>
        </pc:sldMkLst>
        <pc:spChg chg="del mod">
          <ac:chgData name="jérémy denis" userId="2194ecfa033e9942" providerId="LiveId" clId="{31E7DE72-E33C-49F3-87A2-B1954A24AEC5}" dt="2019-02-26T07:52:21.678" v="48" actId="12084"/>
          <ac:spMkLst>
            <pc:docMk/>
            <pc:sldMk cId="4248227580" sldId="259"/>
            <ac:spMk id="3" creationId="{17E36360-517C-4626-9CBF-1ABD9B17BD1F}"/>
          </ac:spMkLst>
        </pc:spChg>
        <pc:graphicFrameChg chg="add mod">
          <ac:chgData name="jérémy denis" userId="2194ecfa033e9942" providerId="LiveId" clId="{31E7DE72-E33C-49F3-87A2-B1954A24AEC5}" dt="2019-02-26T07:52:21.678" v="48" actId="12084"/>
          <ac:graphicFrameMkLst>
            <pc:docMk/>
            <pc:sldMk cId="4248227580" sldId="259"/>
            <ac:graphicFrameMk id="4" creationId="{53DBC3D9-F3DB-4898-8FE2-5EB47269DBB2}"/>
          </ac:graphicFrameMkLst>
        </pc:graphicFrameChg>
      </pc:sldChg>
      <pc:sldChg chg="addSp delSp modSp add modNotesTx">
        <pc:chgData name="jérémy denis" userId="2194ecfa033e9942" providerId="LiveId" clId="{31E7DE72-E33C-49F3-87A2-B1954A24AEC5}" dt="2019-03-11T18:08:15.428" v="1530" actId="20577"/>
        <pc:sldMkLst>
          <pc:docMk/>
          <pc:sldMk cId="1200578321" sldId="260"/>
        </pc:sldMkLst>
        <pc:spChg chg="mod">
          <ac:chgData name="jérémy denis" userId="2194ecfa033e9942" providerId="LiveId" clId="{31E7DE72-E33C-49F3-87A2-B1954A24AEC5}" dt="2019-02-26T08:04:46.355" v="231" actId="20577"/>
          <ac:spMkLst>
            <pc:docMk/>
            <pc:sldMk cId="1200578321" sldId="260"/>
            <ac:spMk id="2" creationId="{6F64EA4A-67E9-4117-8B4D-0C19C415E931}"/>
          </ac:spMkLst>
        </pc:spChg>
        <pc:spChg chg="del">
          <ac:chgData name="jérémy denis" userId="2194ecfa033e9942" providerId="LiveId" clId="{31E7DE72-E33C-49F3-87A2-B1954A24AEC5}" dt="2019-02-26T07:55:40.729" v="49"/>
          <ac:spMkLst>
            <pc:docMk/>
            <pc:sldMk cId="1200578321" sldId="260"/>
            <ac:spMk id="3" creationId="{4F729E3C-B118-4A22-A415-DF37B2ED9AB4}"/>
          </ac:spMkLst>
        </pc:spChg>
        <pc:spChg chg="add del mod">
          <ac:chgData name="jérémy denis" userId="2194ecfa033e9942" providerId="LiveId" clId="{31E7DE72-E33C-49F3-87A2-B1954A24AEC5}" dt="2019-03-11T16:06:55.334" v="243" actId="478"/>
          <ac:spMkLst>
            <pc:docMk/>
            <pc:sldMk cId="1200578321" sldId="260"/>
            <ac:spMk id="6" creationId="{CC598947-BA7E-4325-82BC-7B884498CD53}"/>
          </ac:spMkLst>
        </pc:spChg>
        <pc:spChg chg="add del mod">
          <ac:chgData name="jérémy denis" userId="2194ecfa033e9942" providerId="LiveId" clId="{31E7DE72-E33C-49F3-87A2-B1954A24AEC5}" dt="2019-03-11T16:06:41.109" v="232" actId="478"/>
          <ac:spMkLst>
            <pc:docMk/>
            <pc:sldMk cId="1200578321" sldId="260"/>
            <ac:spMk id="7" creationId="{1D09FA52-015A-4201-8C0D-7108AA8B6331}"/>
          </ac:spMkLst>
        </pc:spChg>
        <pc:spChg chg="add del mod">
          <ac:chgData name="jérémy denis" userId="2194ecfa033e9942" providerId="LiveId" clId="{31E7DE72-E33C-49F3-87A2-B1954A24AEC5}" dt="2019-03-11T16:06:45.639" v="237" actId="478"/>
          <ac:spMkLst>
            <pc:docMk/>
            <pc:sldMk cId="1200578321" sldId="260"/>
            <ac:spMk id="8" creationId="{61CB68CA-349C-409B-B4E3-384A7B5FED11}"/>
          </ac:spMkLst>
        </pc:spChg>
        <pc:spChg chg="add del mod">
          <ac:chgData name="jérémy denis" userId="2194ecfa033e9942" providerId="LiveId" clId="{31E7DE72-E33C-49F3-87A2-B1954A24AEC5}" dt="2019-03-11T16:06:49.281" v="240" actId="478"/>
          <ac:spMkLst>
            <pc:docMk/>
            <pc:sldMk cId="1200578321" sldId="260"/>
            <ac:spMk id="9" creationId="{6AEAFF6F-08E7-47A8-93AD-E8F2DB1DDFB2}"/>
          </ac:spMkLst>
        </pc:spChg>
        <pc:spChg chg="add mod">
          <ac:chgData name="jérémy denis" userId="2194ecfa033e9942" providerId="LiveId" clId="{31E7DE72-E33C-49F3-87A2-B1954A24AEC5}" dt="2019-03-11T18:08:15.428" v="1530" actId="20577"/>
          <ac:spMkLst>
            <pc:docMk/>
            <pc:sldMk cId="1200578321" sldId="260"/>
            <ac:spMk id="14" creationId="{E153523C-0D0B-456C-87ED-9E2C8E137825}"/>
          </ac:spMkLst>
        </pc:spChg>
        <pc:spChg chg="add del mod">
          <ac:chgData name="jérémy denis" userId="2194ecfa033e9942" providerId="LiveId" clId="{31E7DE72-E33C-49F3-87A2-B1954A24AEC5}" dt="2019-03-11T16:06:46.542" v="238" actId="478"/>
          <ac:spMkLst>
            <pc:docMk/>
            <pc:sldMk cId="1200578321" sldId="260"/>
            <ac:spMk id="21" creationId="{94A16F59-7563-4987-A586-EB7FB3B050CC}"/>
          </ac:spMkLst>
        </pc:spChg>
        <pc:picChg chg="add del mod">
          <ac:chgData name="jérémy denis" userId="2194ecfa033e9942" providerId="LiveId" clId="{31E7DE72-E33C-49F3-87A2-B1954A24AEC5}" dt="2019-03-11T17:55:19.333" v="1497" actId="478"/>
          <ac:picMkLst>
            <pc:docMk/>
            <pc:sldMk cId="1200578321" sldId="260"/>
            <ac:picMk id="4" creationId="{E3106E07-A7FB-4F14-80F4-081DEB320320}"/>
          </ac:picMkLst>
        </pc:picChg>
        <pc:picChg chg="add del mod">
          <ac:chgData name="jérémy denis" userId="2194ecfa033e9942" providerId="LiveId" clId="{31E7DE72-E33C-49F3-87A2-B1954A24AEC5}" dt="2019-03-11T17:55:25.233" v="1498" actId="478"/>
          <ac:picMkLst>
            <pc:docMk/>
            <pc:sldMk cId="1200578321" sldId="260"/>
            <ac:picMk id="5" creationId="{C014D741-49B9-4DAF-A8BF-E20A9591119B}"/>
          </ac:picMkLst>
        </pc:picChg>
        <pc:cxnChg chg="add del mod">
          <ac:chgData name="jérémy denis" userId="2194ecfa033e9942" providerId="LiveId" clId="{31E7DE72-E33C-49F3-87A2-B1954A24AEC5}" dt="2019-03-11T16:06:41.957" v="233" actId="478"/>
          <ac:cxnSpMkLst>
            <pc:docMk/>
            <pc:sldMk cId="1200578321" sldId="260"/>
            <ac:cxnSpMk id="10" creationId="{037E3DF4-D82A-48EF-8E9B-5B1FC4D31259}"/>
          </ac:cxnSpMkLst>
        </pc:cxnChg>
        <pc:cxnChg chg="add del mod">
          <ac:chgData name="jérémy denis" userId="2194ecfa033e9942" providerId="LiveId" clId="{31E7DE72-E33C-49F3-87A2-B1954A24AEC5}" dt="2019-03-11T16:06:43.598" v="235" actId="478"/>
          <ac:cxnSpMkLst>
            <pc:docMk/>
            <pc:sldMk cId="1200578321" sldId="260"/>
            <ac:cxnSpMk id="11" creationId="{0200F2A1-EB2F-4F66-BD6A-9C57470C53E6}"/>
          </ac:cxnSpMkLst>
        </pc:cxnChg>
        <pc:cxnChg chg="add del mod">
          <ac:chgData name="jérémy denis" userId="2194ecfa033e9942" providerId="LiveId" clId="{31E7DE72-E33C-49F3-87A2-B1954A24AEC5}" dt="2019-03-11T16:06:42.486" v="234" actId="478"/>
          <ac:cxnSpMkLst>
            <pc:docMk/>
            <pc:sldMk cId="1200578321" sldId="260"/>
            <ac:cxnSpMk id="12" creationId="{C6EF3EE1-72F9-4082-976B-59FA504CAB29}"/>
          </ac:cxnSpMkLst>
        </pc:cxnChg>
        <pc:cxnChg chg="add del mod">
          <ac:chgData name="jérémy denis" userId="2194ecfa033e9942" providerId="LiveId" clId="{31E7DE72-E33C-49F3-87A2-B1954A24AEC5}" dt="2019-03-11T16:06:50.806" v="241" actId="478"/>
          <ac:cxnSpMkLst>
            <pc:docMk/>
            <pc:sldMk cId="1200578321" sldId="260"/>
            <ac:cxnSpMk id="22" creationId="{DEE49A7F-18BF-4FAC-BE0A-2E285F3FB4CD}"/>
          </ac:cxnSpMkLst>
        </pc:cxnChg>
        <pc:cxnChg chg="add del mod">
          <ac:chgData name="jérémy denis" userId="2194ecfa033e9942" providerId="LiveId" clId="{31E7DE72-E33C-49F3-87A2-B1954A24AEC5}" dt="2019-03-11T16:06:51.798" v="242" actId="478"/>
          <ac:cxnSpMkLst>
            <pc:docMk/>
            <pc:sldMk cId="1200578321" sldId="260"/>
            <ac:cxnSpMk id="23" creationId="{96314CD0-40E4-4BF7-AFDB-B5C4176A6C5C}"/>
          </ac:cxnSpMkLst>
        </pc:cxnChg>
      </pc:sldChg>
      <pc:sldChg chg="addSp modSp add">
        <pc:chgData name="jérémy denis" userId="2194ecfa033e9942" providerId="LiveId" clId="{31E7DE72-E33C-49F3-87A2-B1954A24AEC5}" dt="2019-03-11T16:17:35.794" v="422" actId="20577"/>
        <pc:sldMkLst>
          <pc:docMk/>
          <pc:sldMk cId="476209647" sldId="261"/>
        </pc:sldMkLst>
        <pc:spChg chg="mod">
          <ac:chgData name="jérémy denis" userId="2194ecfa033e9942" providerId="LiveId" clId="{31E7DE72-E33C-49F3-87A2-B1954A24AEC5}" dt="2019-03-11T16:10:43.218" v="271"/>
          <ac:spMkLst>
            <pc:docMk/>
            <pc:sldMk cId="476209647" sldId="261"/>
            <ac:spMk id="2" creationId="{49924CD2-D755-4095-AF4A-17A97EAF2967}"/>
          </ac:spMkLst>
        </pc:spChg>
        <pc:spChg chg="mod">
          <ac:chgData name="jérémy denis" userId="2194ecfa033e9942" providerId="LiveId" clId="{31E7DE72-E33C-49F3-87A2-B1954A24AEC5}" dt="2019-03-11T16:11:21.710" v="283" actId="1076"/>
          <ac:spMkLst>
            <pc:docMk/>
            <pc:sldMk cId="476209647" sldId="261"/>
            <ac:spMk id="3" creationId="{66E4CA25-5A5F-45F6-867D-729724C6E3A3}"/>
          </ac:spMkLst>
        </pc:spChg>
        <pc:spChg chg="mod">
          <ac:chgData name="jérémy denis" userId="2194ecfa033e9942" providerId="LiveId" clId="{31E7DE72-E33C-49F3-87A2-B1954A24AEC5}" dt="2019-03-11T16:15:26.406" v="375" actId="1076"/>
          <ac:spMkLst>
            <pc:docMk/>
            <pc:sldMk cId="476209647" sldId="261"/>
            <ac:spMk id="4" creationId="{F0723F97-9F20-4971-A519-FAE152BB6998}"/>
          </ac:spMkLst>
        </pc:spChg>
        <pc:spChg chg="mod">
          <ac:chgData name="jérémy denis" userId="2194ecfa033e9942" providerId="LiveId" clId="{31E7DE72-E33C-49F3-87A2-B1954A24AEC5}" dt="2019-03-11T16:11:37.702" v="287" actId="20577"/>
          <ac:spMkLst>
            <pc:docMk/>
            <pc:sldMk cId="476209647" sldId="261"/>
            <ac:spMk id="5" creationId="{D3FE2F69-BADB-4B64-A124-B0F7B9D82C67}"/>
          </ac:spMkLst>
        </pc:spChg>
        <pc:spChg chg="mod">
          <ac:chgData name="jérémy denis" userId="2194ecfa033e9942" providerId="LiveId" clId="{31E7DE72-E33C-49F3-87A2-B1954A24AEC5}" dt="2019-03-11T16:17:35.794" v="422" actId="20577"/>
          <ac:spMkLst>
            <pc:docMk/>
            <pc:sldMk cId="476209647" sldId="261"/>
            <ac:spMk id="6" creationId="{54E6B382-6CF0-4B19-8135-C4D87059447C}"/>
          </ac:spMkLst>
        </pc:spChg>
        <pc:spChg chg="add mod">
          <ac:chgData name="jérémy denis" userId="2194ecfa033e9942" providerId="LiveId" clId="{31E7DE72-E33C-49F3-87A2-B1954A24AEC5}" dt="2019-03-11T16:16:04.027" v="394" actId="1076"/>
          <ac:spMkLst>
            <pc:docMk/>
            <pc:sldMk cId="476209647" sldId="261"/>
            <ac:spMk id="11" creationId="{A4A45BED-7E50-4FE9-AA82-46DCB52A2CC8}"/>
          </ac:spMkLst>
        </pc:spChg>
        <pc:picChg chg="add mod">
          <ac:chgData name="jérémy denis" userId="2194ecfa033e9942" providerId="LiveId" clId="{31E7DE72-E33C-49F3-87A2-B1954A24AEC5}" dt="2019-03-11T16:12:09.518" v="294" actId="1076"/>
          <ac:picMkLst>
            <pc:docMk/>
            <pc:sldMk cId="476209647" sldId="261"/>
            <ac:picMk id="7" creationId="{E15BBCA6-708A-4267-8CDA-727FB2E311FC}"/>
          </ac:picMkLst>
        </pc:picChg>
        <pc:picChg chg="add mod">
          <ac:chgData name="jérémy denis" userId="2194ecfa033e9942" providerId="LiveId" clId="{31E7DE72-E33C-49F3-87A2-B1954A24AEC5}" dt="2019-03-11T16:15:29.774" v="376" actId="1076"/>
          <ac:picMkLst>
            <pc:docMk/>
            <pc:sldMk cId="476209647" sldId="261"/>
            <ac:picMk id="8" creationId="{27745133-8F0F-45E6-9650-EC56490DAC1B}"/>
          </ac:picMkLst>
        </pc:picChg>
        <pc:picChg chg="add mod">
          <ac:chgData name="jérémy denis" userId="2194ecfa033e9942" providerId="LiveId" clId="{31E7DE72-E33C-49F3-87A2-B1954A24AEC5}" dt="2019-03-11T16:13:17.077" v="351" actId="1076"/>
          <ac:picMkLst>
            <pc:docMk/>
            <pc:sldMk cId="476209647" sldId="261"/>
            <ac:picMk id="9" creationId="{E2FC25F8-9299-4664-B206-78DDD78C6FF8}"/>
          </ac:picMkLst>
        </pc:picChg>
        <pc:picChg chg="add mod">
          <ac:chgData name="jérémy denis" userId="2194ecfa033e9942" providerId="LiveId" clId="{31E7DE72-E33C-49F3-87A2-B1954A24AEC5}" dt="2019-03-11T16:14:39.052" v="369" actId="14100"/>
          <ac:picMkLst>
            <pc:docMk/>
            <pc:sldMk cId="476209647" sldId="261"/>
            <ac:picMk id="10" creationId="{7F46B81A-94A5-45E3-B30E-61D80DC6A0C2}"/>
          </ac:picMkLst>
        </pc:picChg>
        <pc:picChg chg="add mod">
          <ac:chgData name="jérémy denis" userId="2194ecfa033e9942" providerId="LiveId" clId="{31E7DE72-E33C-49F3-87A2-B1954A24AEC5}" dt="2019-03-11T16:16:37.979" v="398" actId="14100"/>
          <ac:picMkLst>
            <pc:docMk/>
            <pc:sldMk cId="476209647" sldId="261"/>
            <ac:picMk id="12" creationId="{812094DA-BD98-4CBC-9DF7-2E1AC62DACA4}"/>
          </ac:picMkLst>
        </pc:picChg>
      </pc:sldChg>
      <pc:sldChg chg="addSp delSp modSp add">
        <pc:chgData name="jérémy denis" userId="2194ecfa033e9942" providerId="LiveId" clId="{31E7DE72-E33C-49F3-87A2-B1954A24AEC5}" dt="2019-03-11T18:09:40.500" v="1596" actId="478"/>
        <pc:sldMkLst>
          <pc:docMk/>
          <pc:sldMk cId="2363180313" sldId="262"/>
        </pc:sldMkLst>
        <pc:spChg chg="mod">
          <ac:chgData name="jérémy denis" userId="2194ecfa033e9942" providerId="LiveId" clId="{31E7DE72-E33C-49F3-87A2-B1954A24AEC5}" dt="2019-03-11T18:09:11.342" v="1532" actId="1076"/>
          <ac:spMkLst>
            <pc:docMk/>
            <pc:sldMk cId="2363180313" sldId="262"/>
            <ac:spMk id="2" creationId="{1D77F008-5683-499A-A882-50EC8E1BD549}"/>
          </ac:spMkLst>
        </pc:spChg>
        <pc:spChg chg="del">
          <ac:chgData name="jérémy denis" userId="2194ecfa033e9942" providerId="LiveId" clId="{31E7DE72-E33C-49F3-87A2-B1954A24AEC5}" dt="2019-03-11T16:54:46.471" v="926" actId="478"/>
          <ac:spMkLst>
            <pc:docMk/>
            <pc:sldMk cId="2363180313" sldId="262"/>
            <ac:spMk id="3" creationId="{CFCC02FC-378D-4807-9DFB-F8575B683488}"/>
          </ac:spMkLst>
        </pc:spChg>
        <pc:spChg chg="add del mod">
          <ac:chgData name="jérémy denis" userId="2194ecfa033e9942" providerId="LiveId" clId="{31E7DE72-E33C-49F3-87A2-B1954A24AEC5}" dt="2019-03-11T17:28:13.341" v="1231" actId="478"/>
          <ac:spMkLst>
            <pc:docMk/>
            <pc:sldMk cId="2363180313" sldId="262"/>
            <ac:spMk id="52" creationId="{8EB76E55-6C77-47CC-B802-A2C35771012F}"/>
          </ac:spMkLst>
        </pc:spChg>
        <pc:spChg chg="add del mod">
          <ac:chgData name="jérémy denis" userId="2194ecfa033e9942" providerId="LiveId" clId="{31E7DE72-E33C-49F3-87A2-B1954A24AEC5}" dt="2019-03-11T17:14:46.866" v="1053" actId="478"/>
          <ac:spMkLst>
            <pc:docMk/>
            <pc:sldMk cId="2363180313" sldId="262"/>
            <ac:spMk id="53" creationId="{DB352947-4944-42AA-8019-0A740E0DF098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4" creationId="{0A3F7943-3FBA-4E8B-B383-892DC87BA5D0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5" creationId="{77B6408A-BF1C-416C-8A8D-78FAC8E15642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6" creationId="{55C46B12-CD18-42F1-A2F8-FEEBFF3C5522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7" creationId="{D9EC1934-13F9-47FD-8CCF-3AE72B0DF919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8" creationId="{92D2C7DD-DC6A-4FC2-9402-E3C949B9A226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59" creationId="{0F9E9747-7394-4946-B49D-5DD0207B0420}"/>
          </ac:spMkLst>
        </pc:spChg>
        <pc:spChg chg="add del mod">
          <ac:chgData name="jérémy denis" userId="2194ecfa033e9942" providerId="LiveId" clId="{31E7DE72-E33C-49F3-87A2-B1954A24AEC5}" dt="2019-03-11T17:14:07.843" v="1044" actId="478"/>
          <ac:spMkLst>
            <pc:docMk/>
            <pc:sldMk cId="2363180313" sldId="262"/>
            <ac:spMk id="60" creationId="{5AB54D75-B0E5-4716-B123-CA87218EA668}"/>
          </ac:spMkLst>
        </pc:spChg>
        <pc:spChg chg="add del mod">
          <ac:chgData name="jérémy denis" userId="2194ecfa033e9942" providerId="LiveId" clId="{31E7DE72-E33C-49F3-87A2-B1954A24AEC5}" dt="2019-03-11T17:14:06.450" v="1043" actId="478"/>
          <ac:spMkLst>
            <pc:docMk/>
            <pc:sldMk cId="2363180313" sldId="262"/>
            <ac:spMk id="61" creationId="{CD3F6A0C-7B07-4352-8586-AE9E19D380D3}"/>
          </ac:spMkLst>
        </pc:spChg>
        <pc:spChg chg="add del mod">
          <ac:chgData name="jérémy denis" userId="2194ecfa033e9942" providerId="LiveId" clId="{31E7DE72-E33C-49F3-87A2-B1954A24AEC5}" dt="2019-03-11T17:14:04.731" v="1042" actId="478"/>
          <ac:spMkLst>
            <pc:docMk/>
            <pc:sldMk cId="2363180313" sldId="262"/>
            <ac:spMk id="62" creationId="{8FC83F28-8DF9-47CE-B7A9-EF892794B510}"/>
          </ac:spMkLst>
        </pc:spChg>
        <pc:spChg chg="add del mod">
          <ac:chgData name="jérémy denis" userId="2194ecfa033e9942" providerId="LiveId" clId="{31E7DE72-E33C-49F3-87A2-B1954A24AEC5}" dt="2019-03-11T17:13:54.435" v="1037" actId="478"/>
          <ac:spMkLst>
            <pc:docMk/>
            <pc:sldMk cId="2363180313" sldId="262"/>
            <ac:spMk id="63" creationId="{043546BC-6FF8-4636-A964-A7E636F5185B}"/>
          </ac:spMkLst>
        </pc:spChg>
        <pc:spChg chg="add del mod">
          <ac:chgData name="jérémy denis" userId="2194ecfa033e9942" providerId="LiveId" clId="{31E7DE72-E33C-49F3-87A2-B1954A24AEC5}" dt="2019-03-11T17:28:11.701" v="1230" actId="478"/>
          <ac:spMkLst>
            <pc:docMk/>
            <pc:sldMk cId="2363180313" sldId="262"/>
            <ac:spMk id="64" creationId="{FE31D49A-AABD-4D6D-9168-CCD8C0493C89}"/>
          </ac:spMkLst>
        </pc:spChg>
        <pc:spChg chg="add del mod">
          <ac:chgData name="jérémy denis" userId="2194ecfa033e9942" providerId="LiveId" clId="{31E7DE72-E33C-49F3-87A2-B1954A24AEC5}" dt="2019-03-11T17:12:52.978" v="1018" actId="478"/>
          <ac:spMkLst>
            <pc:docMk/>
            <pc:sldMk cId="2363180313" sldId="262"/>
            <ac:spMk id="65" creationId="{9CED7A5C-BE00-4FFF-8525-636591E25074}"/>
          </ac:spMkLst>
        </pc:spChg>
        <pc:spChg chg="add del mod">
          <ac:chgData name="jérémy denis" userId="2194ecfa033e9942" providerId="LiveId" clId="{31E7DE72-E33C-49F3-87A2-B1954A24AEC5}" dt="2019-03-11T17:13:06.034" v="1026" actId="478"/>
          <ac:spMkLst>
            <pc:docMk/>
            <pc:sldMk cId="2363180313" sldId="262"/>
            <ac:spMk id="66" creationId="{37F38047-6C66-4DF1-A89E-701E34515C14}"/>
          </ac:spMkLst>
        </pc:spChg>
        <pc:spChg chg="add del mod">
          <ac:chgData name="jérémy denis" userId="2194ecfa033e9942" providerId="LiveId" clId="{31E7DE72-E33C-49F3-87A2-B1954A24AEC5}" dt="2019-03-11T17:13:04.634" v="1025" actId="478"/>
          <ac:spMkLst>
            <pc:docMk/>
            <pc:sldMk cId="2363180313" sldId="262"/>
            <ac:spMk id="67" creationId="{CA329472-0A2C-4EE2-8607-55865834FF40}"/>
          </ac:spMkLst>
        </pc:spChg>
        <pc:spChg chg="add del mod">
          <ac:chgData name="jérémy denis" userId="2194ecfa033e9942" providerId="LiveId" clId="{31E7DE72-E33C-49F3-87A2-B1954A24AEC5}" dt="2019-03-11T17:12:49.946" v="1016" actId="478"/>
          <ac:spMkLst>
            <pc:docMk/>
            <pc:sldMk cId="2363180313" sldId="262"/>
            <ac:spMk id="68" creationId="{37DC8583-4C7D-45B5-B330-222CEF5A3B5F}"/>
          </ac:spMkLst>
        </pc:spChg>
        <pc:spChg chg="add del mod">
          <ac:chgData name="jérémy denis" userId="2194ecfa033e9942" providerId="LiveId" clId="{31E7DE72-E33C-49F3-87A2-B1954A24AEC5}" dt="2019-03-11T17:12:50.787" v="1017" actId="478"/>
          <ac:spMkLst>
            <pc:docMk/>
            <pc:sldMk cId="2363180313" sldId="262"/>
            <ac:spMk id="69" creationId="{21EF696B-02AB-4170-AE1F-837D10D0CB0E}"/>
          </ac:spMkLst>
        </pc:spChg>
        <pc:spChg chg="add del mod">
          <ac:chgData name="jérémy denis" userId="2194ecfa033e9942" providerId="LiveId" clId="{31E7DE72-E33C-49F3-87A2-B1954A24AEC5}" dt="2019-03-11T17:12:55.986" v="1021" actId="478"/>
          <ac:spMkLst>
            <pc:docMk/>
            <pc:sldMk cId="2363180313" sldId="262"/>
            <ac:spMk id="70" creationId="{E8E34AF6-0432-4B8A-BA40-831F00283E66}"/>
          </ac:spMkLst>
        </pc:spChg>
        <pc:spChg chg="add del mod">
          <ac:chgData name="jérémy denis" userId="2194ecfa033e9942" providerId="LiveId" clId="{31E7DE72-E33C-49F3-87A2-B1954A24AEC5}" dt="2019-03-11T17:12:57.731" v="1022" actId="478"/>
          <ac:spMkLst>
            <pc:docMk/>
            <pc:sldMk cId="2363180313" sldId="262"/>
            <ac:spMk id="71" creationId="{C7D277A2-FECE-465F-A791-8BBE1FC109FE}"/>
          </ac:spMkLst>
        </pc:spChg>
        <pc:spChg chg="add del mod">
          <ac:chgData name="jérémy denis" userId="2194ecfa033e9942" providerId="LiveId" clId="{31E7DE72-E33C-49F3-87A2-B1954A24AEC5}" dt="2019-03-11T17:12:54.178" v="1019" actId="478"/>
          <ac:spMkLst>
            <pc:docMk/>
            <pc:sldMk cId="2363180313" sldId="262"/>
            <ac:spMk id="72" creationId="{C1D4CA49-A071-4F95-9518-DD8B9956AFA5}"/>
          </ac:spMkLst>
        </pc:spChg>
        <pc:spChg chg="add del mod">
          <ac:chgData name="jérémy denis" userId="2194ecfa033e9942" providerId="LiveId" clId="{31E7DE72-E33C-49F3-87A2-B1954A24AEC5}" dt="2019-03-11T17:13:03.339" v="1024" actId="478"/>
          <ac:spMkLst>
            <pc:docMk/>
            <pc:sldMk cId="2363180313" sldId="262"/>
            <ac:spMk id="73" creationId="{C9264F65-EBC6-4EF6-9101-3C186E9EE9D0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74" creationId="{3990E462-7C3D-44B5-ABCF-355825EE7C99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75" creationId="{6275A27B-751E-4D35-9CF8-8064C53D9E7C}"/>
          </ac:spMkLst>
        </pc:spChg>
        <pc:spChg chg="add del mod">
          <ac:chgData name="jérémy denis" userId="2194ecfa033e9942" providerId="LiveId" clId="{31E7DE72-E33C-49F3-87A2-B1954A24AEC5}" dt="2019-03-11T17:13:01.466" v="1023" actId="478"/>
          <ac:spMkLst>
            <pc:docMk/>
            <pc:sldMk cId="2363180313" sldId="262"/>
            <ac:spMk id="76" creationId="{5261F43A-185A-482F-881E-8D8B402E48DC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77" creationId="{123E7A04-C1D7-49AE-A158-6EC64CF05C34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78" creationId="{F0628270-1D30-4688-9615-0EABE857E4C7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79" creationId="{8F85BB03-79AA-4936-9E97-2E83DA0F9188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0" creationId="{3EBFF58A-B9C4-457C-AB05-33CBB358EFBC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1" creationId="{5920D6EA-F487-450B-BC3F-6CA678396688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2" creationId="{C4CF40BB-71D7-46DF-B0BE-BADD8AC4CFF0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3" creationId="{F097D32F-F75D-46CB-B65A-D4D98ABE9A60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4" creationId="{9F7856F3-59A3-4802-A4B6-A7F7B24EB456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5" creationId="{D6D45116-3065-4D74-AC52-91F2792F2666}"/>
          </ac:spMkLst>
        </pc:spChg>
        <pc:spChg chg="add del mod">
          <ac:chgData name="jérémy denis" userId="2194ecfa033e9942" providerId="LiveId" clId="{31E7DE72-E33C-49F3-87A2-B1954A24AEC5}" dt="2019-03-11T17:37:18.212" v="1252"/>
          <ac:spMkLst>
            <pc:docMk/>
            <pc:sldMk cId="2363180313" sldId="262"/>
            <ac:spMk id="86" creationId="{A31AEFBF-8269-49A6-9FF7-1375D22BE177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7" creationId="{F9324A25-EAB4-4ECA-8364-F13AE6C40DFF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8" creationId="{A6FC06CF-5229-4D59-978C-6994A4F9B565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89" creationId="{3D141BAA-06DF-4393-A1DD-F0C7CD311296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0" creationId="{62828EC4-CF81-4341-B29E-7D2D4C43FD3D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1" creationId="{85D40118-8671-40AB-BE66-4B2A347BCDAF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2" creationId="{31D56BE8-A2EB-4729-8084-64233A1DBDCC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3" creationId="{D2116707-A2C0-4210-A356-19343C0FFA42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4" creationId="{850D8287-AA47-40F7-9DCA-0FD57EA2178A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5" creationId="{C4709B9A-837F-4C44-B562-B34B965EFBE6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6" creationId="{6873E0EB-E3C1-4642-B7F6-58A8193E72B1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7" creationId="{82169FF0-8390-48EB-A3E3-1BAF42934A0C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8" creationId="{50DF76E1-ECEB-475D-9913-B7B0A355BDD3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99" creationId="{3E07782F-1CA9-4908-AEE3-26F65D8C94FD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0" creationId="{C9DEFF2E-6135-44C7-8D02-8C0F7DCE1197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1" creationId="{419BB399-03B3-40FD-A90B-85639260BF29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2" creationId="{D2C147F0-342A-4072-AD2D-A6BF603B6BD4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3" creationId="{A8195B77-76DA-4FC7-9D84-9EEEDE84B332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4" creationId="{FA8620F0-39C8-49CB-BEB6-C153DCA7E63A}"/>
          </ac:spMkLst>
        </pc:spChg>
        <pc:spChg chg="add del mod">
          <ac:chgData name="jérémy denis" userId="2194ecfa033e9942" providerId="LiveId" clId="{31E7DE72-E33C-49F3-87A2-B1954A24AEC5}" dt="2019-03-11T17:46:25.880" v="1359" actId="478"/>
          <ac:spMkLst>
            <pc:docMk/>
            <pc:sldMk cId="2363180313" sldId="262"/>
            <ac:spMk id="105" creationId="{151CA779-E54E-43C4-B7B4-C3772E6220C2}"/>
          </ac:spMkLst>
        </pc:spChg>
        <pc:spChg chg="add del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06" creationId="{44306784-499F-46C4-BF87-C87392CF1D00}"/>
          </ac:spMkLst>
        </pc:spChg>
        <pc:spChg chg="add del mod">
          <ac:chgData name="jérémy denis" userId="2194ecfa033e9942" providerId="LiveId" clId="{31E7DE72-E33C-49F3-87A2-B1954A24AEC5}" dt="2019-03-11T17:47:27.841" v="1382" actId="478"/>
          <ac:spMkLst>
            <pc:docMk/>
            <pc:sldMk cId="2363180313" sldId="262"/>
            <ac:spMk id="107" creationId="{0A6DC5E8-B736-4DC8-A451-3F656703DBBE}"/>
          </ac:spMkLst>
        </pc:spChg>
        <pc:spChg chg="add del mod">
          <ac:chgData name="jérémy denis" userId="2194ecfa033e9942" providerId="LiveId" clId="{31E7DE72-E33C-49F3-87A2-B1954A24AEC5}" dt="2019-03-11T17:47:29.256" v="1384" actId="478"/>
          <ac:spMkLst>
            <pc:docMk/>
            <pc:sldMk cId="2363180313" sldId="262"/>
            <ac:spMk id="108" creationId="{3AB0F781-97ED-42C7-B33A-C0E33DC7948C}"/>
          </ac:spMkLst>
        </pc:spChg>
        <pc:spChg chg="add del mod">
          <ac:chgData name="jérémy denis" userId="2194ecfa033e9942" providerId="LiveId" clId="{31E7DE72-E33C-49F3-87A2-B1954A24AEC5}" dt="2019-03-11T18:09:40.500" v="1596" actId="478"/>
          <ac:spMkLst>
            <pc:docMk/>
            <pc:sldMk cId="2363180313" sldId="262"/>
            <ac:spMk id="109" creationId="{E0C6A78B-3E21-47B9-8365-9A2E0E93A3FD}"/>
          </ac:spMkLst>
        </pc:spChg>
        <pc:spChg chg="add del mod">
          <ac:chgData name="jérémy denis" userId="2194ecfa033e9942" providerId="LiveId" clId="{31E7DE72-E33C-49F3-87A2-B1954A24AEC5}" dt="2019-03-11T17:47:25.233" v="1379" actId="478"/>
          <ac:spMkLst>
            <pc:docMk/>
            <pc:sldMk cId="2363180313" sldId="262"/>
            <ac:spMk id="110" creationId="{27F3435B-5DB4-47D2-97E5-DE902FCC7675}"/>
          </ac:spMkLst>
        </pc:spChg>
        <pc:spChg chg="add del mod">
          <ac:chgData name="jérémy denis" userId="2194ecfa033e9942" providerId="LiveId" clId="{31E7DE72-E33C-49F3-87A2-B1954A24AEC5}" dt="2019-03-11T17:24:30.764" v="1150" actId="478"/>
          <ac:spMkLst>
            <pc:docMk/>
            <pc:sldMk cId="2363180313" sldId="262"/>
            <ac:spMk id="111" creationId="{E248CC0D-1F12-4611-994A-1C68449375FD}"/>
          </ac:spMkLst>
        </pc:spChg>
        <pc:spChg chg="add del mod">
          <ac:chgData name="jérémy denis" userId="2194ecfa033e9942" providerId="LiveId" clId="{31E7DE72-E33C-49F3-87A2-B1954A24AEC5}" dt="2019-03-11T17:24:34.252" v="1153" actId="478"/>
          <ac:spMkLst>
            <pc:docMk/>
            <pc:sldMk cId="2363180313" sldId="262"/>
            <ac:spMk id="112" creationId="{6FA38D51-FF65-4FBF-B295-D1C4C876642B}"/>
          </ac:spMkLst>
        </pc:spChg>
        <pc:spChg chg="add del mod">
          <ac:chgData name="jérémy denis" userId="2194ecfa033e9942" providerId="LiveId" clId="{31E7DE72-E33C-49F3-87A2-B1954A24AEC5}" dt="2019-03-11T18:09:40.500" v="1596" actId="478"/>
          <ac:spMkLst>
            <pc:docMk/>
            <pc:sldMk cId="2363180313" sldId="262"/>
            <ac:spMk id="113" creationId="{319943D5-AA2B-46AA-AF85-3FE1872E094A}"/>
          </ac:spMkLst>
        </pc:spChg>
        <pc:spChg chg="add del mod">
          <ac:chgData name="jérémy denis" userId="2194ecfa033e9942" providerId="LiveId" clId="{31E7DE72-E33C-49F3-87A2-B1954A24AEC5}" dt="2019-03-11T17:24:41.028" v="1156" actId="478"/>
          <ac:spMkLst>
            <pc:docMk/>
            <pc:sldMk cId="2363180313" sldId="262"/>
            <ac:spMk id="114" creationId="{CB584F08-4177-4C4D-8FFF-3AA15D4A851E}"/>
          </ac:spMkLst>
        </pc:spChg>
        <pc:spChg chg="add del mod">
          <ac:chgData name="jérémy denis" userId="2194ecfa033e9942" providerId="LiveId" clId="{31E7DE72-E33C-49F3-87A2-B1954A24AEC5}" dt="2019-03-11T17:15:20.499" v="1060" actId="478"/>
          <ac:spMkLst>
            <pc:docMk/>
            <pc:sldMk cId="2363180313" sldId="262"/>
            <ac:spMk id="115" creationId="{DC5775D9-0375-4912-999F-A4CC4388E079}"/>
          </ac:spMkLst>
        </pc:spChg>
        <pc:spChg chg="add del mod">
          <ac:chgData name="jérémy denis" userId="2194ecfa033e9942" providerId="LiveId" clId="{31E7DE72-E33C-49F3-87A2-B1954A24AEC5}" dt="2019-03-11T17:15:22.170" v="1061" actId="478"/>
          <ac:spMkLst>
            <pc:docMk/>
            <pc:sldMk cId="2363180313" sldId="262"/>
            <ac:spMk id="116" creationId="{B5897528-D98B-4412-A8CA-AA628A2D18AC}"/>
          </ac:spMkLst>
        </pc:spChg>
        <pc:spChg chg="add del mod">
          <ac:chgData name="jérémy denis" userId="2194ecfa033e9942" providerId="LiveId" clId="{31E7DE72-E33C-49F3-87A2-B1954A24AEC5}" dt="2019-03-11T18:09:40.500" v="1596" actId="478"/>
          <ac:spMkLst>
            <pc:docMk/>
            <pc:sldMk cId="2363180313" sldId="262"/>
            <ac:spMk id="117" creationId="{C1769484-5094-4C4A-901E-84F5A98847BD}"/>
          </ac:spMkLst>
        </pc:spChg>
        <pc:spChg chg="add del mod">
          <ac:chgData name="jérémy denis" userId="2194ecfa033e9942" providerId="LiveId" clId="{31E7DE72-E33C-49F3-87A2-B1954A24AEC5}" dt="2019-03-11T17:15:30.291" v="1066" actId="478"/>
          <ac:spMkLst>
            <pc:docMk/>
            <pc:sldMk cId="2363180313" sldId="262"/>
            <ac:spMk id="118" creationId="{54692373-461E-4EDE-8C97-DC5DB2575005}"/>
          </ac:spMkLst>
        </pc:spChg>
        <pc:spChg chg="add mod">
          <ac:chgData name="jérémy denis" userId="2194ecfa033e9942" providerId="LiveId" clId="{31E7DE72-E33C-49F3-87A2-B1954A24AEC5}" dt="2019-03-11T18:09:35.569" v="1595" actId="14100"/>
          <ac:spMkLst>
            <pc:docMk/>
            <pc:sldMk cId="2363180313" sldId="262"/>
            <ac:spMk id="130" creationId="{60ACCAB5-372A-456D-9493-03F02EFCDF92}"/>
          </ac:spMkLst>
        </pc:spChg>
        <pc:cxnChg chg="add del mod">
          <ac:chgData name="jérémy denis" userId="2194ecfa033e9942" providerId="LiveId" clId="{31E7DE72-E33C-49F3-87A2-B1954A24AEC5}" dt="2019-03-11T17:15:22.826" v="1062" actId="478"/>
          <ac:cxnSpMkLst>
            <pc:docMk/>
            <pc:sldMk cId="2363180313" sldId="262"/>
            <ac:cxnSpMk id="4" creationId="{03851C6F-88F7-4672-A462-BF1CC7173C60}"/>
          </ac:cxnSpMkLst>
        </pc:cxnChg>
        <pc:cxnChg chg="add del mod">
          <ac:chgData name="jérémy denis" userId="2194ecfa033e9942" providerId="LiveId" clId="{31E7DE72-E33C-49F3-87A2-B1954A24AEC5}" dt="2019-03-11T17:15:25.034" v="1064" actId="478"/>
          <ac:cxnSpMkLst>
            <pc:docMk/>
            <pc:sldMk cId="2363180313" sldId="262"/>
            <ac:cxnSpMk id="5" creationId="{13BBB7ED-25D7-4858-BDCC-D850A5979B43}"/>
          </ac:cxnSpMkLst>
        </pc:cxnChg>
        <pc:cxnChg chg="add del mod">
          <ac:chgData name="jérémy denis" userId="2194ecfa033e9942" providerId="LiveId" clId="{31E7DE72-E33C-49F3-87A2-B1954A24AEC5}" dt="2019-03-11T17:15:23.450" v="1063" actId="478"/>
          <ac:cxnSpMkLst>
            <pc:docMk/>
            <pc:sldMk cId="2363180313" sldId="262"/>
            <ac:cxnSpMk id="6" creationId="{AAB6A155-FBA1-413B-A047-158BAA8E817B}"/>
          </ac:cxnSpMkLst>
        </pc:cxnChg>
        <pc:cxnChg chg="add del mod">
          <ac:chgData name="jérémy denis" userId="2194ecfa033e9942" providerId="LiveId" clId="{31E7DE72-E33C-49F3-87A2-B1954A24AEC5}" dt="2019-03-11T17:24:32.973" v="1152" actId="478"/>
          <ac:cxnSpMkLst>
            <pc:docMk/>
            <pc:sldMk cId="2363180313" sldId="262"/>
            <ac:cxnSpMk id="7" creationId="{9B32FDFC-97DA-4AFC-97F0-E5311A3D9345}"/>
          </ac:cxnSpMkLst>
        </pc:cxnChg>
        <pc:cxnChg chg="add del mod">
          <ac:chgData name="jérémy denis" userId="2194ecfa033e9942" providerId="LiveId" clId="{31E7DE72-E33C-49F3-87A2-B1954A24AEC5}" dt="2019-03-11T17:24:36.125" v="1154" actId="478"/>
          <ac:cxnSpMkLst>
            <pc:docMk/>
            <pc:sldMk cId="2363180313" sldId="262"/>
            <ac:cxnSpMk id="8" creationId="{4E4C65DE-222A-4B70-99D5-C447A39D631D}"/>
          </ac:cxnSpMkLst>
        </pc:cxnChg>
        <pc:cxnChg chg="add del mod">
          <ac:chgData name="jérémy denis" userId="2194ecfa033e9942" providerId="LiveId" clId="{31E7DE72-E33C-49F3-87A2-B1954A24AEC5}" dt="2019-03-11T17:24:36.125" v="1154" actId="478"/>
          <ac:cxnSpMkLst>
            <pc:docMk/>
            <pc:sldMk cId="2363180313" sldId="262"/>
            <ac:cxnSpMk id="9" creationId="{E4536860-DE5D-48F3-8283-17788B65659E}"/>
          </ac:cxnSpMkLst>
        </pc:cxnChg>
        <pc:cxnChg chg="add del mod">
          <ac:chgData name="jérémy denis" userId="2194ecfa033e9942" providerId="LiveId" clId="{31E7DE72-E33C-49F3-87A2-B1954A24AEC5}" dt="2019-03-11T17:28:43.717" v="1239" actId="478"/>
          <ac:cxnSpMkLst>
            <pc:docMk/>
            <pc:sldMk cId="2363180313" sldId="262"/>
            <ac:cxnSpMk id="10" creationId="{2AE51473-2ABF-4D28-9BE1-CC065CA7A660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11" creationId="{F41D25D2-9082-43DD-8C26-B5CE54CE24D0}"/>
          </ac:cxnSpMkLst>
        </pc:cxnChg>
        <pc:cxnChg chg="add del mod">
          <ac:chgData name="jérémy denis" userId="2194ecfa033e9942" providerId="LiveId" clId="{31E7DE72-E33C-49F3-87A2-B1954A24AEC5}" dt="2019-03-11T17:27:19.557" v="1222" actId="478"/>
          <ac:cxnSpMkLst>
            <pc:docMk/>
            <pc:sldMk cId="2363180313" sldId="262"/>
            <ac:cxnSpMk id="12" creationId="{F1AA0BE2-C6A5-4E28-9571-E74D4222FA32}"/>
          </ac:cxnSpMkLst>
        </pc:cxnChg>
        <pc:cxnChg chg="add del mod">
          <ac:chgData name="jérémy denis" userId="2194ecfa033e9942" providerId="LiveId" clId="{31E7DE72-E33C-49F3-87A2-B1954A24AEC5}" dt="2019-03-11T17:24:36.125" v="1154" actId="478"/>
          <ac:cxnSpMkLst>
            <pc:docMk/>
            <pc:sldMk cId="2363180313" sldId="262"/>
            <ac:cxnSpMk id="13" creationId="{320D3B94-0DD4-4118-996D-4E4019B12E31}"/>
          </ac:cxnSpMkLst>
        </pc:cxnChg>
        <pc:cxnChg chg="add del mod">
          <ac:chgData name="jérémy denis" userId="2194ecfa033e9942" providerId="LiveId" clId="{31E7DE72-E33C-49F3-87A2-B1954A24AEC5}" dt="2019-03-11T17:28:44.205" v="1240" actId="478"/>
          <ac:cxnSpMkLst>
            <pc:docMk/>
            <pc:sldMk cId="2363180313" sldId="262"/>
            <ac:cxnSpMk id="14" creationId="{F9D933B9-2CD4-4473-B9BA-9DE37A5A292F}"/>
          </ac:cxnSpMkLst>
        </pc:cxnChg>
        <pc:cxnChg chg="add del mod">
          <ac:chgData name="jérémy denis" userId="2194ecfa033e9942" providerId="LiveId" clId="{31E7DE72-E33C-49F3-87A2-B1954A24AEC5}" dt="2019-03-11T17:28:43.077" v="1238" actId="478"/>
          <ac:cxnSpMkLst>
            <pc:docMk/>
            <pc:sldMk cId="2363180313" sldId="262"/>
            <ac:cxnSpMk id="15" creationId="{ACF295DB-A8A6-4B32-93C1-3A9CCA64BC06}"/>
          </ac:cxnSpMkLst>
        </pc:cxnChg>
        <pc:cxnChg chg="add del mod">
          <ac:chgData name="jérémy denis" userId="2194ecfa033e9942" providerId="LiveId" clId="{31E7DE72-E33C-49F3-87A2-B1954A24AEC5}" dt="2019-03-11T17:27:24.100" v="1226" actId="478"/>
          <ac:cxnSpMkLst>
            <pc:docMk/>
            <pc:sldMk cId="2363180313" sldId="262"/>
            <ac:cxnSpMk id="16" creationId="{4B0A0630-8F0E-43A4-A4EF-99C966767A29}"/>
          </ac:cxnSpMkLst>
        </pc:cxnChg>
        <pc:cxnChg chg="add del mod">
          <ac:chgData name="jérémy denis" userId="2194ecfa033e9942" providerId="LiveId" clId="{31E7DE72-E33C-49F3-87A2-B1954A24AEC5}" dt="2019-03-11T17:27:22.748" v="1225" actId="478"/>
          <ac:cxnSpMkLst>
            <pc:docMk/>
            <pc:sldMk cId="2363180313" sldId="262"/>
            <ac:cxnSpMk id="17" creationId="{1162F26C-7A37-41C5-BD49-0E6A9A52D97F}"/>
          </ac:cxnSpMkLst>
        </pc:cxnChg>
        <pc:cxnChg chg="add del mod">
          <ac:chgData name="jérémy denis" userId="2194ecfa033e9942" providerId="LiveId" clId="{31E7DE72-E33C-49F3-87A2-B1954A24AEC5}" dt="2019-03-11T17:27:21.500" v="1223" actId="478"/>
          <ac:cxnSpMkLst>
            <pc:docMk/>
            <pc:sldMk cId="2363180313" sldId="262"/>
            <ac:cxnSpMk id="18" creationId="{37924337-53AB-462F-BB57-DF0661B8A141}"/>
          </ac:cxnSpMkLst>
        </pc:cxnChg>
        <pc:cxnChg chg="add del mod">
          <ac:chgData name="jérémy denis" userId="2194ecfa033e9942" providerId="LiveId" clId="{31E7DE72-E33C-49F3-87A2-B1954A24AEC5}" dt="2019-03-11T17:27:22.077" v="1224" actId="478"/>
          <ac:cxnSpMkLst>
            <pc:docMk/>
            <pc:sldMk cId="2363180313" sldId="262"/>
            <ac:cxnSpMk id="19" creationId="{96AC7D7D-0EB8-4779-8B2F-42454081D430}"/>
          </ac:cxnSpMkLst>
        </pc:cxnChg>
        <pc:cxnChg chg="add del mod">
          <ac:chgData name="jérémy denis" userId="2194ecfa033e9942" providerId="LiveId" clId="{31E7DE72-E33C-49F3-87A2-B1954A24AEC5}" dt="2019-03-11T17:28:41.813" v="1237" actId="478"/>
          <ac:cxnSpMkLst>
            <pc:docMk/>
            <pc:sldMk cId="2363180313" sldId="262"/>
            <ac:cxnSpMk id="20" creationId="{7D46D3FF-8A14-4BA1-96E6-1A3D26D53E56}"/>
          </ac:cxnSpMkLst>
        </pc:cxnChg>
        <pc:cxnChg chg="add del mod">
          <ac:chgData name="jérémy denis" userId="2194ecfa033e9942" providerId="LiveId" clId="{31E7DE72-E33C-49F3-87A2-B1954A24AEC5}" dt="2019-03-11T17:27:27.540" v="1228" actId="478"/>
          <ac:cxnSpMkLst>
            <pc:docMk/>
            <pc:sldMk cId="2363180313" sldId="262"/>
            <ac:cxnSpMk id="21" creationId="{D557EA27-3395-4690-BA6E-775B72FB4DC0}"/>
          </ac:cxnSpMkLst>
        </pc:cxnChg>
        <pc:cxnChg chg="add del mod">
          <ac:chgData name="jérémy denis" userId="2194ecfa033e9942" providerId="LiveId" clId="{31E7DE72-E33C-49F3-87A2-B1954A24AEC5}" dt="2019-03-11T17:27:26.828" v="1227" actId="478"/>
          <ac:cxnSpMkLst>
            <pc:docMk/>
            <pc:sldMk cId="2363180313" sldId="262"/>
            <ac:cxnSpMk id="22" creationId="{2B627528-6F8F-489A-978F-BE2FBE99AFDB}"/>
          </ac:cxnSpMkLst>
        </pc:cxnChg>
        <pc:cxnChg chg="add del mod">
          <ac:chgData name="jérémy denis" userId="2194ecfa033e9942" providerId="LiveId" clId="{31E7DE72-E33C-49F3-87A2-B1954A24AEC5}" dt="2019-03-11T17:28:40.701" v="1236" actId="478"/>
          <ac:cxnSpMkLst>
            <pc:docMk/>
            <pc:sldMk cId="2363180313" sldId="262"/>
            <ac:cxnSpMk id="23" creationId="{BA0D94B5-A279-4D50-A036-386D3393E914}"/>
          </ac:cxnSpMkLst>
        </pc:cxnChg>
        <pc:cxnChg chg="add del mod">
          <ac:chgData name="jérémy denis" userId="2194ecfa033e9942" providerId="LiveId" clId="{31E7DE72-E33C-49F3-87A2-B1954A24AEC5}" dt="2019-03-11T17:26:48.900" v="1214" actId="478"/>
          <ac:cxnSpMkLst>
            <pc:docMk/>
            <pc:sldMk cId="2363180313" sldId="262"/>
            <ac:cxnSpMk id="24" creationId="{983FBEED-6ED6-45CC-948D-EEA6E23A5D8E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25" creationId="{D22CA242-F50E-4F1D-A976-43130D861673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26" creationId="{00FE6216-5020-47CC-BDB9-3188B84FE66C}"/>
          </ac:cxnSpMkLst>
        </pc:cxnChg>
        <pc:cxnChg chg="add del mod">
          <ac:chgData name="jérémy denis" userId="2194ecfa033e9942" providerId="LiveId" clId="{31E7DE72-E33C-49F3-87A2-B1954A24AEC5}" dt="2019-03-11T17:28:39.300" v="1235" actId="478"/>
          <ac:cxnSpMkLst>
            <pc:docMk/>
            <pc:sldMk cId="2363180313" sldId="262"/>
            <ac:cxnSpMk id="27" creationId="{27AAAFD6-021F-40EC-ADC7-B7B70A452496}"/>
          </ac:cxnSpMkLst>
        </pc:cxnChg>
        <pc:cxnChg chg="add del mod">
          <ac:chgData name="jérémy denis" userId="2194ecfa033e9942" providerId="LiveId" clId="{31E7DE72-E33C-49F3-87A2-B1954A24AEC5}" dt="2019-03-11T17:20:14.435" v="1114" actId="478"/>
          <ac:cxnSpMkLst>
            <pc:docMk/>
            <pc:sldMk cId="2363180313" sldId="262"/>
            <ac:cxnSpMk id="28" creationId="{BC8C20FF-0241-42E5-8D53-D3E19A8E6235}"/>
          </ac:cxnSpMkLst>
        </pc:cxnChg>
        <pc:cxnChg chg="add del mod">
          <ac:chgData name="jérémy denis" userId="2194ecfa033e9942" providerId="LiveId" clId="{31E7DE72-E33C-49F3-87A2-B1954A24AEC5}" dt="2019-03-11T17:20:13.203" v="1113" actId="478"/>
          <ac:cxnSpMkLst>
            <pc:docMk/>
            <pc:sldMk cId="2363180313" sldId="262"/>
            <ac:cxnSpMk id="29" creationId="{3B57F97C-D078-40A0-B119-9ED5737D7902}"/>
          </ac:cxnSpMkLst>
        </pc:cxnChg>
        <pc:cxnChg chg="add del mod">
          <ac:chgData name="jérémy denis" userId="2194ecfa033e9942" providerId="LiveId" clId="{31E7DE72-E33C-49F3-87A2-B1954A24AEC5}" dt="2019-03-11T17:26:36.204" v="1210" actId="478"/>
          <ac:cxnSpMkLst>
            <pc:docMk/>
            <pc:sldMk cId="2363180313" sldId="262"/>
            <ac:cxnSpMk id="30" creationId="{540A01E2-15F6-4638-9201-532369BD6A1B}"/>
          </ac:cxnSpMkLst>
        </pc:cxnChg>
        <pc:cxnChg chg="add del mod">
          <ac:chgData name="jérémy denis" userId="2194ecfa033e9942" providerId="LiveId" clId="{31E7DE72-E33C-49F3-87A2-B1954A24AEC5}" dt="2019-03-11T17:28:38.597" v="1234" actId="478"/>
          <ac:cxnSpMkLst>
            <pc:docMk/>
            <pc:sldMk cId="2363180313" sldId="262"/>
            <ac:cxnSpMk id="31" creationId="{0D68AAE5-39A4-4154-9887-D79C9F060827}"/>
          </ac:cxnSpMkLst>
        </pc:cxnChg>
        <pc:cxnChg chg="add del mod">
          <ac:chgData name="jérémy denis" userId="2194ecfa033e9942" providerId="LiveId" clId="{31E7DE72-E33C-49F3-87A2-B1954A24AEC5}" dt="2019-03-11T17:28:37.676" v="1233" actId="478"/>
          <ac:cxnSpMkLst>
            <pc:docMk/>
            <pc:sldMk cId="2363180313" sldId="262"/>
            <ac:cxnSpMk id="32" creationId="{49E29F73-E5E2-4BE8-A7A2-AC2E73AAC33E}"/>
          </ac:cxnSpMkLst>
        </pc:cxnChg>
        <pc:cxnChg chg="add del mod">
          <ac:chgData name="jérémy denis" userId="2194ecfa033e9942" providerId="LiveId" clId="{31E7DE72-E33C-49F3-87A2-B1954A24AEC5}" dt="2019-03-11T17:27:08.364" v="1220" actId="478"/>
          <ac:cxnSpMkLst>
            <pc:docMk/>
            <pc:sldMk cId="2363180313" sldId="262"/>
            <ac:cxnSpMk id="33" creationId="{620B99D7-9F4A-4397-B2AB-D2BCF470756F}"/>
          </ac:cxnSpMkLst>
        </pc:cxnChg>
        <pc:cxnChg chg="add del mod">
          <ac:chgData name="jérémy denis" userId="2194ecfa033e9942" providerId="LiveId" clId="{31E7DE72-E33C-49F3-87A2-B1954A24AEC5}" dt="2019-03-11T17:27:00.036" v="1218" actId="478"/>
          <ac:cxnSpMkLst>
            <pc:docMk/>
            <pc:sldMk cId="2363180313" sldId="262"/>
            <ac:cxnSpMk id="34" creationId="{4180569A-D40F-4322-8D4D-ABBE7C055C81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35" creationId="{D2BBB731-EFC3-4296-BDBF-3E40D12378C6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36" creationId="{14A5DFC6-6855-45BF-9167-293C8EB59F67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37" creationId="{D28E7BEE-AC04-40B0-A49C-9BD1AF9026F6}"/>
          </ac:cxnSpMkLst>
        </pc:cxnChg>
        <pc:cxnChg chg="add del mod">
          <ac:chgData name="jérémy denis" userId="2194ecfa033e9942" providerId="LiveId" clId="{31E7DE72-E33C-49F3-87A2-B1954A24AEC5}" dt="2019-03-11T17:27:12.173" v="1221" actId="478"/>
          <ac:cxnSpMkLst>
            <pc:docMk/>
            <pc:sldMk cId="2363180313" sldId="262"/>
            <ac:cxnSpMk id="38" creationId="{1DE18FB8-6B56-4632-AF9C-7D8AB030C1DB}"/>
          </ac:cxnSpMkLst>
        </pc:cxnChg>
        <pc:cxnChg chg="add del mod">
          <ac:chgData name="jérémy denis" userId="2194ecfa033e9942" providerId="LiveId" clId="{31E7DE72-E33C-49F3-87A2-B1954A24AEC5}" dt="2019-03-11T17:28:36.229" v="1232" actId="478"/>
          <ac:cxnSpMkLst>
            <pc:docMk/>
            <pc:sldMk cId="2363180313" sldId="262"/>
            <ac:cxnSpMk id="39" creationId="{77C740B6-419B-4A8B-8C75-4E2E48922148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0" creationId="{805CC308-4858-458B-BC0A-0FE98E8C46EC}"/>
          </ac:cxnSpMkLst>
        </pc:cxnChg>
        <pc:cxnChg chg="add del mod">
          <ac:chgData name="jérémy denis" userId="2194ecfa033e9942" providerId="LiveId" clId="{31E7DE72-E33C-49F3-87A2-B1954A24AEC5}" dt="2019-03-11T17:15:28.442" v="1065" actId="478"/>
          <ac:cxnSpMkLst>
            <pc:docMk/>
            <pc:sldMk cId="2363180313" sldId="262"/>
            <ac:cxnSpMk id="41" creationId="{08F3F3D1-CBA9-4492-9DF8-33CB320B6F3C}"/>
          </ac:cxnSpMkLst>
        </pc:cxnChg>
        <pc:cxnChg chg="add del mod">
          <ac:chgData name="jérémy denis" userId="2194ecfa033e9942" providerId="LiveId" clId="{31E7DE72-E33C-49F3-87A2-B1954A24AEC5}" dt="2019-03-11T17:24:39.051" v="1155" actId="478"/>
          <ac:cxnSpMkLst>
            <pc:docMk/>
            <pc:sldMk cId="2363180313" sldId="262"/>
            <ac:cxnSpMk id="42" creationId="{F29F9746-944B-4D91-946B-BC4F5D42765F}"/>
          </ac:cxnSpMkLst>
        </pc:cxnChg>
        <pc:cxnChg chg="add del mod">
          <ac:chgData name="jérémy denis" userId="2194ecfa033e9942" providerId="LiveId" clId="{31E7DE72-E33C-49F3-87A2-B1954A24AEC5}" dt="2019-03-11T17:47:26.224" v="1380" actId="478"/>
          <ac:cxnSpMkLst>
            <pc:docMk/>
            <pc:sldMk cId="2363180313" sldId="262"/>
            <ac:cxnSpMk id="43" creationId="{61A103EC-C22C-440F-A04C-EA3177F4FCA4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4" creationId="{CCAA977C-36B0-4197-85FC-28648E6BA5F5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5" creationId="{3AE1A1A9-56E2-469B-B83A-746F9A145554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6" creationId="{46EA0C68-8957-456F-BD4C-8BFC0B95DF71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7" creationId="{2CBB1ACE-E9E8-4F2C-80DE-A59C750CE031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8" creationId="{25E0172A-FB4D-49B9-B80C-8925755865C1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49" creationId="{0171DA12-C54E-4420-96F7-7CF9BC0F6535}"/>
          </ac:cxnSpMkLst>
        </pc:cxnChg>
        <pc:cxnChg chg="add del mod">
          <ac:chgData name="jérémy denis" userId="2194ecfa033e9942" providerId="LiveId" clId="{31E7DE72-E33C-49F3-87A2-B1954A24AEC5}" dt="2019-03-11T18:09:35.569" v="1595" actId="14100"/>
          <ac:cxnSpMkLst>
            <pc:docMk/>
            <pc:sldMk cId="2363180313" sldId="262"/>
            <ac:cxnSpMk id="50" creationId="{722C5BA9-5DD2-417E-8C02-6B6D92BF4676}"/>
          </ac:cxnSpMkLst>
        </pc:cxnChg>
        <pc:cxnChg chg="add del mod">
          <ac:chgData name="jérémy denis" userId="2194ecfa033e9942" providerId="LiveId" clId="{31E7DE72-E33C-49F3-87A2-B1954A24AEC5}" dt="2019-03-11T17:14:45.002" v="1052" actId="478"/>
          <ac:cxnSpMkLst>
            <pc:docMk/>
            <pc:sldMk cId="2363180313" sldId="262"/>
            <ac:cxnSpMk id="51" creationId="{8E79B58C-81B0-427B-BCC1-8F238D2F45BF}"/>
          </ac:cxnSpMkLst>
        </pc:cxnChg>
      </pc:sldChg>
    </pc:docChg>
  </pc:docChgLst>
  <pc:docChgLst>
    <pc:chgData name="jérémy denis" userId="2194ecfa033e9942" providerId="LiveId" clId="{82154432-52CA-41A2-983C-FC0E585031DC}"/>
    <pc:docChg chg="undo custSel mod addSld modSld">
      <pc:chgData name="jérémy denis" userId="2194ecfa033e9942" providerId="LiveId" clId="{82154432-52CA-41A2-983C-FC0E585031DC}" dt="2019-02-25T12:10:49.038" v="628" actId="20577"/>
      <pc:docMkLst>
        <pc:docMk/>
      </pc:docMkLst>
      <pc:sldChg chg="addSp delSp modSp add">
        <pc:chgData name="jérémy denis" userId="2194ecfa033e9942" providerId="LiveId" clId="{82154432-52CA-41A2-983C-FC0E585031DC}" dt="2019-02-25T12:07:55.224" v="484" actId="14100"/>
        <pc:sldMkLst>
          <pc:docMk/>
          <pc:sldMk cId="1397456872" sldId="258"/>
        </pc:sldMkLst>
        <pc:spChg chg="mod">
          <ac:chgData name="jérémy denis" userId="2194ecfa033e9942" providerId="LiveId" clId="{82154432-52CA-41A2-983C-FC0E585031DC}" dt="2019-02-25T11:45:53.849" v="34" actId="20577"/>
          <ac:spMkLst>
            <pc:docMk/>
            <pc:sldMk cId="1397456872" sldId="258"/>
            <ac:spMk id="2" creationId="{4C721191-BE57-4A11-A0BA-134DB32725AD}"/>
          </ac:spMkLst>
        </pc:spChg>
        <pc:spChg chg="del">
          <ac:chgData name="jérémy denis" userId="2194ecfa033e9942" providerId="LiveId" clId="{82154432-52CA-41A2-983C-FC0E585031DC}" dt="2019-02-25T11:46:18.824" v="35" actId="478"/>
          <ac:spMkLst>
            <pc:docMk/>
            <pc:sldMk cId="1397456872" sldId="258"/>
            <ac:spMk id="3" creationId="{BB35D2E0-676E-474D-817C-F8964D3D9A24}"/>
          </ac:spMkLst>
        </pc:spChg>
        <pc:picChg chg="add mod">
          <ac:chgData name="jérémy denis" userId="2194ecfa033e9942" providerId="LiveId" clId="{82154432-52CA-41A2-983C-FC0E585031DC}" dt="2019-02-25T12:07:55.224" v="484" actId="14100"/>
          <ac:picMkLst>
            <pc:docMk/>
            <pc:sldMk cId="1397456872" sldId="258"/>
            <ac:picMk id="2050" creationId="{FC4CE38C-6F34-410F-9609-A4FF07B440F3}"/>
          </ac:picMkLst>
        </pc:picChg>
        <pc:picChg chg="add mod">
          <ac:chgData name="jérémy denis" userId="2194ecfa033e9942" providerId="LiveId" clId="{82154432-52CA-41A2-983C-FC0E585031DC}" dt="2019-02-25T12:07:40.369" v="482" actId="14100"/>
          <ac:picMkLst>
            <pc:docMk/>
            <pc:sldMk cId="1397456872" sldId="258"/>
            <ac:picMk id="2052" creationId="{A6FB8C78-1E22-4C0A-99AE-26DCD72009EB}"/>
          </ac:picMkLst>
        </pc:picChg>
        <pc:picChg chg="add mod modCrop">
          <ac:chgData name="jérémy denis" userId="2194ecfa033e9942" providerId="LiveId" clId="{82154432-52CA-41A2-983C-FC0E585031DC}" dt="2019-02-25T12:07:44.679" v="483" actId="1076"/>
          <ac:picMkLst>
            <pc:docMk/>
            <pc:sldMk cId="1397456872" sldId="258"/>
            <ac:picMk id="2054" creationId="{D504F38D-CD98-4B28-B305-C70C895B8421}"/>
          </ac:picMkLst>
        </pc:picChg>
        <pc:picChg chg="add mod">
          <ac:chgData name="jérémy denis" userId="2194ecfa033e9942" providerId="LiveId" clId="{82154432-52CA-41A2-983C-FC0E585031DC}" dt="2019-02-25T12:06:25.458" v="471" actId="1076"/>
          <ac:picMkLst>
            <pc:docMk/>
            <pc:sldMk cId="1397456872" sldId="258"/>
            <ac:picMk id="2056" creationId="{AB478ADC-C21E-4BDA-BB32-C50DA9C44859}"/>
          </ac:picMkLst>
        </pc:picChg>
        <pc:picChg chg="add mod">
          <ac:chgData name="jérémy denis" userId="2194ecfa033e9942" providerId="LiveId" clId="{82154432-52CA-41A2-983C-FC0E585031DC}" dt="2019-02-25T12:07:08.239" v="475" actId="14100"/>
          <ac:picMkLst>
            <pc:docMk/>
            <pc:sldMk cId="1397456872" sldId="258"/>
            <ac:picMk id="2058" creationId="{5A7FFADA-52DE-437C-B1F3-1F7C328E6C76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BE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BEB3935-61D4-4279-9E5D-D4B52C88D64D}" type="datetimeFigureOut">
              <a:rPr lang="fr-BE" smtClean="0"/>
              <a:t>13-03-19</a:t>
            </a:fld>
            <a:endParaRPr lang="fr-BE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BE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BE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BE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E16DA2E-7275-49CF-8B1D-9914FD118CC3}" type="slidenum">
              <a:rPr lang="fr-BE" smtClean="0"/>
              <a:t>‹N°›</a:t>
            </a:fld>
            <a:endParaRPr lang="fr-BE"/>
          </a:p>
        </p:txBody>
      </p:sp>
    </p:spTree>
    <p:extLst>
      <p:ext uri="{BB962C8B-B14F-4D97-AF65-F5344CB8AC3E}">
        <p14:creationId xmlns:p14="http://schemas.microsoft.com/office/powerpoint/2010/main" val="37831289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BE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E16DA2E-7275-49CF-8B1D-9914FD118CC3}" type="slidenum">
              <a:rPr lang="fr-BE" smtClean="0"/>
              <a:t>5</a:t>
            </a:fld>
            <a:endParaRPr lang="fr-BE"/>
          </a:p>
        </p:txBody>
      </p:sp>
    </p:spTree>
    <p:extLst>
      <p:ext uri="{BB962C8B-B14F-4D97-AF65-F5344CB8AC3E}">
        <p14:creationId xmlns:p14="http://schemas.microsoft.com/office/powerpoint/2010/main" val="4287195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8" y="1788454"/>
            <a:ext cx="8361229" cy="2098226"/>
          </a:xfrm>
        </p:spPr>
        <p:txBody>
          <a:bodyPr anchor="b">
            <a:noAutofit/>
          </a:bodyPr>
          <a:lstStyle>
            <a:lvl1pPr algn="ct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086237"/>
          </a:xfrm>
        </p:spPr>
        <p:txBody>
          <a:bodyPr>
            <a:normAutofit/>
          </a:bodyPr>
          <a:lstStyle>
            <a:lvl1pPr marL="0" indent="0" algn="ct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3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52858" y="6453386"/>
            <a:ext cx="1607944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054" y="6453386"/>
            <a:ext cx="7023377" cy="404614"/>
          </a:xfrm>
        </p:spPr>
        <p:txBody>
          <a:bodyPr/>
          <a:lstStyle>
            <a:lvl1pPr algn="ctr">
              <a:defRPr baseline="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N°›</a:t>
            </a:fld>
            <a:endParaRPr lang="en-US" dirty="0"/>
          </a:p>
        </p:txBody>
      </p:sp>
      <p:grpSp>
        <p:nvGrpSpPr>
          <p:cNvPr id="7" name="Group 6"/>
          <p:cNvGrpSpPr/>
          <p:nvPr/>
        </p:nvGrpSpPr>
        <p:grpSpPr>
          <a:xfrm>
            <a:off x="752858" y="744469"/>
            <a:ext cx="10674117" cy="5349671"/>
            <a:chOff x="752858" y="744469"/>
            <a:chExt cx="10674117" cy="5349671"/>
          </a:xfrm>
        </p:grpSpPr>
        <p:sp>
          <p:nvSpPr>
            <p:cNvPr id="11" name="Freeform 6"/>
            <p:cNvSpPr/>
            <p:nvPr/>
          </p:nvSpPr>
          <p:spPr bwMode="auto">
            <a:xfrm>
              <a:off x="8151962" y="1685652"/>
              <a:ext cx="3275013" cy="4408488"/>
            </a:xfrm>
            <a:custGeom>
              <a:avLst/>
              <a:gdLst/>
              <a:ahLst/>
              <a:cxnLst/>
              <a:rect l="l" t="t" r="r" b="b"/>
              <a:pathLst>
                <a:path w="10000" h="10000">
                  <a:moveTo>
                    <a:pt x="8761" y="0"/>
                  </a:moveTo>
                  <a:lnTo>
                    <a:pt x="10000" y="0"/>
                  </a:lnTo>
                  <a:lnTo>
                    <a:pt x="10000" y="10000"/>
                  </a:lnTo>
                  <a:lnTo>
                    <a:pt x="0" y="10000"/>
                  </a:lnTo>
                  <a:lnTo>
                    <a:pt x="0" y="9126"/>
                  </a:lnTo>
                  <a:lnTo>
                    <a:pt x="8761" y="9127"/>
                  </a:lnTo>
                  <a:lnTo>
                    <a:pt x="8761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  <p:sp>
          <p:nvSpPr>
            <p:cNvPr id="14" name="Freeform 6"/>
            <p:cNvSpPr/>
            <p:nvPr/>
          </p:nvSpPr>
          <p:spPr bwMode="auto">
            <a:xfrm flipH="1" flipV="1">
              <a:off x="752858" y="744469"/>
              <a:ext cx="3275668" cy="4408488"/>
            </a:xfrm>
            <a:custGeom>
              <a:avLst/>
              <a:gdLst/>
              <a:ahLst/>
              <a:cxnLst/>
              <a:rect l="l" t="t" r="r" b="b"/>
              <a:pathLst>
                <a:path w="10002" h="10000">
                  <a:moveTo>
                    <a:pt x="8763" y="0"/>
                  </a:moveTo>
                  <a:lnTo>
                    <a:pt x="10002" y="0"/>
                  </a:lnTo>
                  <a:lnTo>
                    <a:pt x="10002" y="10000"/>
                  </a:lnTo>
                  <a:lnTo>
                    <a:pt x="2" y="10000"/>
                  </a:lnTo>
                  <a:cubicBezTo>
                    <a:pt x="-2" y="9698"/>
                    <a:pt x="4" y="9427"/>
                    <a:pt x="0" y="9125"/>
                  </a:cubicBezTo>
                  <a:lnTo>
                    <a:pt x="8763" y="9128"/>
                  </a:lnTo>
                  <a:lnTo>
                    <a:pt x="8763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</p:grp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2295525"/>
            <a:ext cx="9601200" cy="3571875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6561" y="624156"/>
            <a:ext cx="1565766" cy="5243244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624156"/>
            <a:ext cx="8179641" cy="5243244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5025" y="1301360"/>
            <a:ext cx="9612971" cy="2852737"/>
          </a:xfrm>
        </p:spPr>
        <p:txBody>
          <a:bodyPr anchor="b">
            <a:normAutofit/>
          </a:bodyPr>
          <a:lstStyle>
            <a:lvl1pPr algn="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5025" y="4216328"/>
            <a:ext cx="9612971" cy="1143324"/>
          </a:xfrm>
        </p:spPr>
        <p:txBody>
          <a:bodyPr/>
          <a:lstStyle>
            <a:lvl1pPr marL="0" indent="0" algn="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8908" y="6453386"/>
            <a:ext cx="1622409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312" y="6453386"/>
            <a:ext cx="7023377" cy="404614"/>
          </a:xfrm>
        </p:spPr>
        <p:txBody>
          <a:bodyPr/>
          <a:lstStyle>
            <a:lvl1pPr algn="ctr"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N°›</a:t>
            </a:fld>
            <a:endParaRPr lang="en-US" dirty="0"/>
          </a:p>
        </p:txBody>
      </p:sp>
      <p:sp>
        <p:nvSpPr>
          <p:cNvPr id="7" name="Freeform 6" title="Crop Mark"/>
          <p:cNvSpPr/>
          <p:nvPr/>
        </p:nvSpPr>
        <p:spPr bwMode="auto">
          <a:xfrm>
            <a:off x="8151962" y="1685652"/>
            <a:ext cx="3275013" cy="4408488"/>
          </a:xfrm>
          <a:custGeom>
            <a:avLst/>
            <a:gdLst/>
            <a:ahLst/>
            <a:cxnLst/>
            <a:rect l="0" t="0" r="r" b="b"/>
            <a:pathLst>
              <a:path w="4125" h="5554">
                <a:moveTo>
                  <a:pt x="3614" y="0"/>
                </a:moveTo>
                <a:lnTo>
                  <a:pt x="4125" y="0"/>
                </a:lnTo>
                <a:lnTo>
                  <a:pt x="4125" y="5554"/>
                </a:lnTo>
                <a:lnTo>
                  <a:pt x="0" y="5554"/>
                </a:lnTo>
                <a:lnTo>
                  <a:pt x="0" y="5074"/>
                </a:lnTo>
                <a:lnTo>
                  <a:pt x="3614" y="5074"/>
                </a:lnTo>
                <a:lnTo>
                  <a:pt x="3614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2285999"/>
            <a:ext cx="4447786" cy="3581401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447786" cy="3581401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71600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5014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25014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3/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Autofit/>
          </a:bodyPr>
          <a:lstStyle>
            <a:lvl1pPr>
              <a:lnSpc>
                <a:spcPct val="84000"/>
              </a:lnSpc>
              <a:defRPr sz="4800" baseline="0"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56020" y="685801"/>
            <a:ext cx="5212080" cy="51752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6344"/>
            <a:ext cx="3855720" cy="3011056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3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N°›</a:t>
            </a:fld>
            <a:endParaRPr lang="en-US" dirty="0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rmAutofit/>
          </a:bodyPr>
          <a:lstStyle>
            <a:lvl1pPr>
              <a:lnSpc>
                <a:spcPct val="84000"/>
              </a:lnSpc>
              <a:defRPr sz="4800" baseline="0"/>
            </a:lvl1pPr>
          </a:lstStyle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532120" y="0"/>
            <a:ext cx="6659880" cy="6857999"/>
          </a:xfrm>
        </p:spPr>
        <p:txBody>
          <a:bodyPr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5968"/>
            <a:ext cx="3855720" cy="3011432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3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N°›</a:t>
            </a:fld>
            <a:endParaRPr lang="en-US" dirty="0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fr-FR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286000"/>
            <a:ext cx="9601200" cy="3581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390650" y="6453386"/>
            <a:ext cx="120457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3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93564" y="6453386"/>
            <a:ext cx="6280830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472736" y="6453386"/>
            <a:ext cx="159629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N°›</a:t>
            </a:fld>
            <a:endParaRPr lang="en-US" dirty="0"/>
          </a:p>
        </p:txBody>
      </p:sp>
      <p:sp>
        <p:nvSpPr>
          <p:cNvPr id="9" name="Rectangle 8" title="Side bar"/>
          <p:cNvSpPr/>
          <p:nvPr/>
        </p:nvSpPr>
        <p:spPr>
          <a:xfrm>
            <a:off x="478095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400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84048" indent="-384048" algn="l" defTabSz="914400" rtl="0" eaLnBrk="1" latinLnBrk="0" hangingPunct="1">
        <a:lnSpc>
          <a:spcPct val="94000"/>
        </a:lnSpc>
        <a:spcBef>
          <a:spcPts val="1000"/>
        </a:spcBef>
        <a:spcAft>
          <a:spcPts val="200"/>
        </a:spcAft>
        <a:buFont typeface="Franklin Gothic Book" panose="020B0503020102020204" pitchFamily="34" charset="0"/>
        <a:buChar char="■"/>
        <a:defRPr sz="2000" kern="1200" baseline="0">
          <a:solidFill>
            <a:schemeClr val="tx2"/>
          </a:solidFill>
          <a:latin typeface="+mn-lt"/>
          <a:ea typeface="+mn-ea"/>
          <a:cs typeface="+mn-cs"/>
        </a:defRPr>
      </a:lvl1pPr>
      <a:lvl2pPr marL="914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2000" i="1" kern="1200" baseline="0">
          <a:solidFill>
            <a:schemeClr val="tx2"/>
          </a:solidFill>
          <a:latin typeface="+mn-lt"/>
          <a:ea typeface="+mn-ea"/>
          <a:cs typeface="+mn-cs"/>
        </a:defRPr>
      </a:lvl2pPr>
      <a:lvl3pPr marL="1371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3pPr>
      <a:lvl4pPr marL="1828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800" i="1" kern="1200" baseline="0">
          <a:solidFill>
            <a:schemeClr val="tx2"/>
          </a:solidFill>
          <a:latin typeface="+mn-lt"/>
          <a:ea typeface="+mn-ea"/>
          <a:cs typeface="+mn-cs"/>
        </a:defRPr>
      </a:lvl4pPr>
      <a:lvl5pPr marL="22860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600" kern="1200" baseline="0">
          <a:solidFill>
            <a:schemeClr val="tx2"/>
          </a:solidFill>
          <a:latin typeface="+mn-lt"/>
          <a:ea typeface="+mn-ea"/>
          <a:cs typeface="+mn-cs"/>
        </a:defRPr>
      </a:lvl5pPr>
      <a:lvl6pPr marL="27432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600" i="1" kern="1200" baseline="0">
          <a:solidFill>
            <a:schemeClr val="tx2"/>
          </a:solidFill>
          <a:latin typeface="+mn-lt"/>
          <a:ea typeface="+mn-ea"/>
          <a:cs typeface="+mn-cs"/>
        </a:defRPr>
      </a:lvl6pPr>
      <a:lvl7pPr marL="3200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3657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400" i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4114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1368">
          <p15:clr>
            <a:srgbClr val="F26B43"/>
          </p15:clr>
        </p15:guide>
        <p15:guide id="4" orient="horz" pos="1440">
          <p15:clr>
            <a:srgbClr val="F26B43"/>
          </p15:clr>
        </p15:guide>
        <p15:guide id="6" orient="horz" pos="3696">
          <p15:clr>
            <a:srgbClr val="F26B43"/>
          </p15:clr>
        </p15:guide>
        <p15:guide id="7" orient="horz" pos="432">
          <p15:clr>
            <a:srgbClr val="F26B43"/>
          </p15:clr>
        </p15:guide>
        <p15:guide id="8" orient="horz" pos="1512">
          <p15:clr>
            <a:srgbClr val="F26B43"/>
          </p15:clr>
        </p15:guide>
        <p15:guide id="9" pos="6912">
          <p15:clr>
            <a:srgbClr val="F26B43"/>
          </p15:clr>
        </p15:guide>
        <p15:guide id="10" pos="936">
          <p15:clr>
            <a:srgbClr val="F26B43"/>
          </p15:clr>
        </p15:guide>
        <p15:guide id="11" pos="86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.jpeg"/><Relationship Id="rId5" Type="http://schemas.openxmlformats.org/officeDocument/2006/relationships/image" Target="../media/image4.jpeg"/><Relationship Id="rId4" Type="http://schemas.openxmlformats.org/officeDocument/2006/relationships/image" Target="../media/image3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://www.rgot.org/controle-dacces-par-lecture-de-plaques-dimmatriculation-alpr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youtube.com/watch?v=sRnFKqWCVBM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43F6433A-E3C0-4937-A2D4-5BCC9C59F23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BE" dirty="0"/>
              <a:t>Système intelligent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xmlns="" id="{B25C3E1B-1E65-47F2-97B5-C0B50316470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832125"/>
          </a:xfrm>
        </p:spPr>
        <p:txBody>
          <a:bodyPr>
            <a:normAutofit/>
          </a:bodyPr>
          <a:lstStyle/>
          <a:p>
            <a:r>
              <a:rPr lang="fr-BE" dirty="0"/>
              <a:t>Reconnaissance de plaques d’immatriculation</a:t>
            </a:r>
          </a:p>
          <a:p>
            <a:endParaRPr lang="fr-BE" dirty="0"/>
          </a:p>
          <a:p>
            <a:endParaRPr lang="fr-BE" dirty="0"/>
          </a:p>
          <a:p>
            <a:pPr algn="r"/>
            <a:r>
              <a:rPr lang="fr-BE" dirty="0"/>
              <a:t>Jérémy Denis et Geoffrey Kraus</a:t>
            </a:r>
          </a:p>
        </p:txBody>
      </p:sp>
    </p:spTree>
    <p:extLst>
      <p:ext uri="{BB962C8B-B14F-4D97-AF65-F5344CB8AC3E}">
        <p14:creationId xmlns:p14="http://schemas.microsoft.com/office/powerpoint/2010/main" val="7323023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49924CD2-D755-4095-AF4A-17A97EAF29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BE" dirty="0"/>
              <a:t>Description du projet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xmlns="" id="{66E4CA25-5A5F-45F6-867D-729724C6E3A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371600" y="1595140"/>
            <a:ext cx="4443984" cy="823912"/>
          </a:xfrm>
        </p:spPr>
        <p:txBody>
          <a:bodyPr/>
          <a:lstStyle/>
          <a:p>
            <a:r>
              <a:rPr lang="fr-BE" dirty="0"/>
              <a:t>Raspberry</a:t>
            </a:r>
          </a:p>
          <a:p>
            <a:endParaRPr lang="fr-BE" dirty="0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xmlns="" id="{F0723F97-9F20-4971-A519-FAE152BB699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367798" y="4686301"/>
            <a:ext cx="4443984" cy="1606118"/>
          </a:xfrm>
        </p:spPr>
        <p:txBody>
          <a:bodyPr>
            <a:normAutofit/>
          </a:bodyPr>
          <a:lstStyle/>
          <a:p>
            <a:r>
              <a:rPr lang="fr-BE" dirty="0"/>
              <a:t>Détection de plaques d’immatriculation belges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xmlns="" id="{D3FE2F69-BADB-4B64-A124-B0F7B9D82C6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525014" y="1595140"/>
            <a:ext cx="4443984" cy="823912"/>
          </a:xfrm>
        </p:spPr>
        <p:txBody>
          <a:bodyPr/>
          <a:lstStyle/>
          <a:p>
            <a:r>
              <a:rPr lang="fr-BE" dirty="0"/>
              <a:t>Arduino</a:t>
            </a:r>
          </a:p>
          <a:p>
            <a:endParaRPr lang="fr-BE" dirty="0"/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xmlns="" id="{54E6B382-6CF0-4B19-8135-C4D87059447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521212" y="4686301"/>
            <a:ext cx="5495351" cy="1606118"/>
          </a:xfrm>
        </p:spPr>
        <p:txBody>
          <a:bodyPr>
            <a:normAutofit fontScale="92500" lnSpcReduction="20000"/>
          </a:bodyPr>
          <a:lstStyle/>
          <a:p>
            <a:r>
              <a:rPr lang="fr-BE" dirty="0"/>
              <a:t>Affichage de la plaque sur un LCD</a:t>
            </a:r>
          </a:p>
          <a:p>
            <a:r>
              <a:rPr lang="fr-BE" dirty="0"/>
              <a:t>Gestion de </a:t>
            </a:r>
            <a:r>
              <a:rPr lang="fr-BE" dirty="0" smtClean="0"/>
              <a:t>l’ouverture </a:t>
            </a:r>
            <a:r>
              <a:rPr lang="fr-BE" dirty="0"/>
              <a:t>d’une barrière lors de la détection d’une plaque</a:t>
            </a:r>
          </a:p>
          <a:p>
            <a:r>
              <a:rPr lang="fr-BE" dirty="0"/>
              <a:t>Clignotement d’un feu lumineux lors de l’activation de la barrière</a:t>
            </a:r>
          </a:p>
          <a:p>
            <a:endParaRPr lang="fr-BE" dirty="0"/>
          </a:p>
        </p:txBody>
      </p:sp>
      <p:pic>
        <p:nvPicPr>
          <p:cNvPr id="7" name="Picture 4" descr="RÃ©sultat de recherche d'images pour &quot;camera raspberry&quot;">
            <a:extLst>
              <a:ext uri="{FF2B5EF4-FFF2-40B4-BE49-F238E27FC236}">
                <a16:creationId xmlns:a16="http://schemas.microsoft.com/office/drawing/2014/main" xmlns="" id="{E15BBCA6-708A-4267-8CDA-727FB2E311F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41" b="4947"/>
          <a:stretch/>
        </p:blipFill>
        <p:spPr bwMode="auto">
          <a:xfrm>
            <a:off x="1367798" y="2227843"/>
            <a:ext cx="1893163" cy="17343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RÃ©sultat de recherche d'images pour &quot;plaque d'immatriculation belge&quot;">
            <a:extLst>
              <a:ext uri="{FF2B5EF4-FFF2-40B4-BE49-F238E27FC236}">
                <a16:creationId xmlns:a16="http://schemas.microsoft.com/office/drawing/2014/main" xmlns="" id="{27745133-8F0F-45E6-9650-EC56490DAC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86316" y="4069123"/>
            <a:ext cx="1893163" cy="4046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2" descr="RÃ©sultat de recherche d'images pour &quot;lcd&quot;">
            <a:extLst>
              <a:ext uri="{FF2B5EF4-FFF2-40B4-BE49-F238E27FC236}">
                <a16:creationId xmlns:a16="http://schemas.microsoft.com/office/drawing/2014/main" xmlns="" id="{E2FC25F8-9299-4664-B206-78DDD78C6F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1212" y="2410708"/>
            <a:ext cx="1539158" cy="11562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6" descr="RÃ©sultat de recherche d'images pour &quot;barriÃ¨re passage a niveau&quot;">
            <a:extLst>
              <a:ext uri="{FF2B5EF4-FFF2-40B4-BE49-F238E27FC236}">
                <a16:creationId xmlns:a16="http://schemas.microsoft.com/office/drawing/2014/main" xmlns="" id="{7F46B81A-94A5-45E3-B30E-61D80DC6A0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09" r="11584"/>
          <a:stretch/>
        </p:blipFill>
        <p:spPr bwMode="auto">
          <a:xfrm>
            <a:off x="8418036" y="2419052"/>
            <a:ext cx="1539158" cy="11479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Flèche : double flèche horizontale 10">
            <a:extLst>
              <a:ext uri="{FF2B5EF4-FFF2-40B4-BE49-F238E27FC236}">
                <a16:creationId xmlns:a16="http://schemas.microsoft.com/office/drawing/2014/main" xmlns="" id="{A4A45BED-7E50-4FE9-AA82-46DCB52A2CC8}"/>
              </a:ext>
            </a:extLst>
          </p:cNvPr>
          <p:cNvSpPr/>
          <p:nvPr/>
        </p:nvSpPr>
        <p:spPr>
          <a:xfrm>
            <a:off x="3798128" y="2531331"/>
            <a:ext cx="2185916" cy="823911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dirty="0"/>
              <a:t>Communication</a:t>
            </a:r>
          </a:p>
        </p:txBody>
      </p:sp>
      <p:pic>
        <p:nvPicPr>
          <p:cNvPr id="12" name="Picture 10" descr="RÃ©sultat de recherche d'images pour &quot;feu rouge&quot;">
            <a:extLst>
              <a:ext uri="{FF2B5EF4-FFF2-40B4-BE49-F238E27FC236}">
                <a16:creationId xmlns:a16="http://schemas.microsoft.com/office/drawing/2014/main" xmlns="" id="{812094DA-BD98-4CBC-9DF7-2E1AC62DAC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14860" y="2410708"/>
            <a:ext cx="1146212" cy="1146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762096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4C721191-BE57-4A11-A0BA-134DB32725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980800"/>
          </a:xfrm>
        </p:spPr>
        <p:txBody>
          <a:bodyPr/>
          <a:lstStyle/>
          <a:p>
            <a:r>
              <a:rPr lang="fr-BE" dirty="0"/>
              <a:t>Description du matériel nécessaire</a:t>
            </a:r>
          </a:p>
        </p:txBody>
      </p:sp>
      <p:sp>
        <p:nvSpPr>
          <p:cNvPr id="8" name="Espace réservé du contenu 3">
            <a:extLst>
              <a:ext uri="{FF2B5EF4-FFF2-40B4-BE49-F238E27FC236}">
                <a16:creationId xmlns:a16="http://schemas.microsoft.com/office/drawing/2014/main" xmlns="" id="{11A89AC9-BB82-4986-8484-EC2BBCACC325}"/>
              </a:ext>
            </a:extLst>
          </p:cNvPr>
          <p:cNvSpPr txBox="1">
            <a:spLocks/>
          </p:cNvSpPr>
          <p:nvPr/>
        </p:nvSpPr>
        <p:spPr>
          <a:xfrm>
            <a:off x="1432160" y="1898713"/>
            <a:ext cx="9540640" cy="4111470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384048" indent="-384048" algn="l" defTabSz="9144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r-BE" dirty="0"/>
              <a:t>Nous disposons de pratiquement tout le matériel nécessaire :</a:t>
            </a:r>
          </a:p>
          <a:p>
            <a:r>
              <a:rPr lang="fr-BE" sz="1600" dirty="0"/>
              <a:t>Arduino</a:t>
            </a:r>
          </a:p>
          <a:p>
            <a:r>
              <a:rPr lang="fr-BE" sz="1600" dirty="0"/>
              <a:t>LCD du kit Arduino</a:t>
            </a:r>
          </a:p>
          <a:p>
            <a:r>
              <a:rPr lang="fr-BE" sz="1600" dirty="0"/>
              <a:t>Raspberry Pi 3</a:t>
            </a:r>
          </a:p>
          <a:p>
            <a:r>
              <a:rPr lang="fr-BE" sz="1600" dirty="0"/>
              <a:t>Camera du kit Raspberry Pi 3</a:t>
            </a:r>
          </a:p>
          <a:p>
            <a:r>
              <a:rPr lang="fr-BE" sz="1600" dirty="0" err="1"/>
              <a:t>Led</a:t>
            </a:r>
            <a:r>
              <a:rPr lang="fr-BE" sz="1600" dirty="0"/>
              <a:t> pour représenter le feu lumineux</a:t>
            </a:r>
          </a:p>
          <a:p>
            <a:r>
              <a:rPr lang="fr-BE" sz="1600" dirty="0"/>
              <a:t>Potentiomètre (kit Arduino) pour contrôler le clignotement de la LED</a:t>
            </a:r>
          </a:p>
          <a:p>
            <a:r>
              <a:rPr lang="fr-BE" sz="1600" dirty="0"/>
              <a:t>Servomoteur (kit Arduino) pour activer la barrière</a:t>
            </a:r>
          </a:p>
          <a:p>
            <a:r>
              <a:rPr lang="fr-BE" sz="1600" dirty="0"/>
              <a:t>Divers câbles et équipements esthétiques</a:t>
            </a:r>
          </a:p>
          <a:p>
            <a:pPr marL="0" indent="0">
              <a:buNone/>
            </a:pPr>
            <a:endParaRPr lang="fr-BE" sz="1600" dirty="0"/>
          </a:p>
          <a:p>
            <a:pPr marL="0" indent="0">
              <a:buNone/>
            </a:pPr>
            <a:r>
              <a:rPr lang="fr-BE" sz="1600" dirty="0"/>
              <a:t>Matériel manquant : barrière (imprimée en 3D ou maquette à fixer au servomoteur)</a:t>
            </a:r>
          </a:p>
        </p:txBody>
      </p:sp>
      <p:pic>
        <p:nvPicPr>
          <p:cNvPr id="1026" name="Picture 2" descr="RÃ©sultat de recherche d'images pour &quot;barriere de parking  maquette&quot;">
            <a:extLst>
              <a:ext uri="{FF2B5EF4-FFF2-40B4-BE49-F238E27FC236}">
                <a16:creationId xmlns:a16="http://schemas.microsoft.com/office/drawing/2014/main" xmlns="" id="{FF9E730D-E916-4207-BCFC-7263A17009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4260"/>
          <a:stretch/>
        </p:blipFill>
        <p:spPr bwMode="auto">
          <a:xfrm>
            <a:off x="9025163" y="5159129"/>
            <a:ext cx="2381250" cy="851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974568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1D77F008-5683-499A-A882-50EC8E1BD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3350" y="409674"/>
            <a:ext cx="9601200" cy="789582"/>
          </a:xfrm>
        </p:spPr>
        <p:txBody>
          <a:bodyPr/>
          <a:lstStyle/>
          <a:p>
            <a:r>
              <a:rPr lang="fr-BE" dirty="0"/>
              <a:t>Timeline et répartition des charges</a:t>
            </a:r>
          </a:p>
        </p:txBody>
      </p:sp>
      <p:cxnSp>
        <p:nvCxnSpPr>
          <p:cNvPr id="11" name="OTLSHAPE_T_3a4a23b568c54ea58c3d039b8ca1da1b_LeftVerticalConnector2">
            <a:extLst>
              <a:ext uri="{FF2B5EF4-FFF2-40B4-BE49-F238E27FC236}">
                <a16:creationId xmlns:a16="http://schemas.microsoft.com/office/drawing/2014/main" xmlns="" id="{F41D25D2-9082-43DD-8C26-B5CE54CE24D0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8862051" y="5408712"/>
            <a:ext cx="0" cy="1143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6a6e7149661c4d98ae22b9a84a20c0cd_LeftVerticalConnector1">
            <a:extLst>
              <a:ext uri="{FF2B5EF4-FFF2-40B4-BE49-F238E27FC236}">
                <a16:creationId xmlns:a16="http://schemas.microsoft.com/office/drawing/2014/main" xmlns="" id="{D22CA242-F50E-4F1D-A976-43130D861673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7993003" y="3072974"/>
            <a:ext cx="0" cy="101234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cde6d5d307b4df7b1464248cab7fef6_RightVerticalConnector2">
            <a:extLst>
              <a:ext uri="{FF2B5EF4-FFF2-40B4-BE49-F238E27FC236}">
                <a16:creationId xmlns:a16="http://schemas.microsoft.com/office/drawing/2014/main" xmlns="" id="{00FE6216-5020-47CC-BDB9-3188B84FE66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8839544" y="3174574"/>
            <a:ext cx="6733" cy="91074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c3d685d5ae854fb185925e527e534f28_RightVerticalConnector2">
            <a:extLst>
              <a:ext uri="{FF2B5EF4-FFF2-40B4-BE49-F238E27FC236}">
                <a16:creationId xmlns:a16="http://schemas.microsoft.com/office/drawing/2014/main" xmlns="" id="{D2BBB731-EFC3-4296-BDBF-3E40D12378C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7159098" y="2589569"/>
            <a:ext cx="0" cy="179438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c3d685d5ae854fb185925e527e534f28_RightVerticalConnector1">
            <a:extLst>
              <a:ext uri="{FF2B5EF4-FFF2-40B4-BE49-F238E27FC236}">
                <a16:creationId xmlns:a16="http://schemas.microsoft.com/office/drawing/2014/main" xmlns="" id="{14A5DFC6-6855-45BF-9167-293C8EB59F6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159098" y="2381005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c3d685d5ae854fb185925e527e534f28_LeftVerticalConnector1">
            <a:extLst>
              <a:ext uri="{FF2B5EF4-FFF2-40B4-BE49-F238E27FC236}">
                <a16:creationId xmlns:a16="http://schemas.microsoft.com/office/drawing/2014/main" xmlns="" id="{D28E7BEE-AC04-40B0-A49C-9BD1AF9026F6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 flipH="1">
            <a:off x="6167280" y="2381005"/>
            <a:ext cx="6670" cy="200294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f3c770d8a6a24238a57b373ef9984550_LeftVerticalConnector1">
            <a:extLst>
              <a:ext uri="{FF2B5EF4-FFF2-40B4-BE49-F238E27FC236}">
                <a16:creationId xmlns:a16="http://schemas.microsoft.com/office/drawing/2014/main" xmlns="" id="{805CC308-4858-458B-BC0A-0FE98E8C46EC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5892474" y="2050805"/>
            <a:ext cx="0" cy="233314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d45e8f651eb34241b7613d55f188f72e_HorizontalConnector1">
            <a:extLst>
              <a:ext uri="{FF2B5EF4-FFF2-40B4-BE49-F238E27FC236}">
                <a16:creationId xmlns:a16="http://schemas.microsoft.com/office/drawing/2014/main" xmlns="" id="{CCAA977C-36B0-4197-85FC-28648E6BA5F5}"/>
              </a:ext>
            </a:extLst>
          </p:cNvPr>
          <p:cNvCxnSpPr>
            <a:cxnSpLocks/>
            <a:endCxn id="103" idx="1"/>
          </p:cNvCxnSpPr>
          <p:nvPr>
            <p:custDataLst>
              <p:tags r:id="rId8"/>
            </p:custDataLst>
          </p:nvPr>
        </p:nvCxnSpPr>
        <p:spPr>
          <a:xfrm>
            <a:off x="5316630" y="3733374"/>
            <a:ext cx="2571550" cy="4646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dbc50318743f4d6ba995fb3e7b4187d7_HorizontalConnector1">
            <a:extLst>
              <a:ext uri="{FF2B5EF4-FFF2-40B4-BE49-F238E27FC236}">
                <a16:creationId xmlns:a16="http://schemas.microsoft.com/office/drawing/2014/main" xmlns="" id="{3AE1A1A9-56E2-469B-B83A-746F9A145554}"/>
              </a:ext>
            </a:extLst>
          </p:cNvPr>
          <p:cNvCxnSpPr>
            <a:cxnSpLocks/>
            <a:endCxn id="101" idx="1"/>
          </p:cNvCxnSpPr>
          <p:nvPr>
            <p:custDataLst>
              <p:tags r:id="rId9"/>
            </p:custDataLst>
          </p:nvPr>
        </p:nvCxnSpPr>
        <p:spPr>
          <a:xfrm>
            <a:off x="5430800" y="3072974"/>
            <a:ext cx="1938359" cy="5785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6a6e7149661c4d98ae22b9a84a20c0cd_HorizontalConnector1">
            <a:extLst>
              <a:ext uri="{FF2B5EF4-FFF2-40B4-BE49-F238E27FC236}">
                <a16:creationId xmlns:a16="http://schemas.microsoft.com/office/drawing/2014/main" xmlns="" id="{46EA0C68-8957-456F-BD4C-8BFC0B95DF7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349712" y="3398118"/>
            <a:ext cx="240925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521783cf3084313af760cd9c2923e3c_HorizontalConnector1">
            <a:extLst>
              <a:ext uri="{FF2B5EF4-FFF2-40B4-BE49-F238E27FC236}">
                <a16:creationId xmlns:a16="http://schemas.microsoft.com/office/drawing/2014/main" xmlns="" id="{25E0172A-FB4D-49B9-B80C-8925755865C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347994" y="2711205"/>
            <a:ext cx="1529647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c3d685d5ae854fb185925e527e534f28_HorizontalConnector1">
            <a:extLst>
              <a:ext uri="{FF2B5EF4-FFF2-40B4-BE49-F238E27FC236}">
                <a16:creationId xmlns:a16="http://schemas.microsoft.com/office/drawing/2014/main" xmlns="" id="{0171DA12-C54E-4420-96F7-7CF9BC0F653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347994" y="2381005"/>
            <a:ext cx="82595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f3c770d8a6a24238a57b373ef9984550_HorizontalConnector1">
            <a:extLst>
              <a:ext uri="{FF2B5EF4-FFF2-40B4-BE49-F238E27FC236}">
                <a16:creationId xmlns:a16="http://schemas.microsoft.com/office/drawing/2014/main" xmlns="" id="{722C5BA9-5DD2-417E-8C02-6B6D92BF467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312815" y="2050805"/>
            <a:ext cx="579659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ScaleContainer">
            <a:extLst>
              <a:ext uri="{FF2B5EF4-FFF2-40B4-BE49-F238E27FC236}">
                <a16:creationId xmlns:a16="http://schemas.microsoft.com/office/drawing/2014/main" xmlns="" id="{0A3F7943-3FBA-4E8B-B383-892DC87BA5D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259350" y="4383952"/>
            <a:ext cx="4073317" cy="254000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B_00000000000000000000000000000000_TimescaleInterval1">
            <a:extLst>
              <a:ext uri="{FF2B5EF4-FFF2-40B4-BE49-F238E27FC236}">
                <a16:creationId xmlns:a16="http://schemas.microsoft.com/office/drawing/2014/main" xmlns="" id="{77B6408A-BF1C-416C-8A8D-78FAC8E1564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322850" y="4433101"/>
            <a:ext cx="2159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xmlns="" id="{55C46B12-CD18-42F1-A2F8-FEEBFF3C552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167280" y="4433101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Mar</a:t>
            </a:r>
          </a:p>
        </p:txBody>
      </p:sp>
      <p:sp>
        <p:nvSpPr>
          <p:cNvPr id="57" name="OTLSHAPE_TB_00000000000000000000000000000000_TimescaleInterval3">
            <a:extLst>
              <a:ext uri="{FF2B5EF4-FFF2-40B4-BE49-F238E27FC236}">
                <a16:creationId xmlns:a16="http://schemas.microsoft.com/office/drawing/2014/main" xmlns="" id="{D9EC1934-13F9-47FD-8CCF-3AE72B0DF91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039857" y="4433101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GB" sz="10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58" name="OTLSHAPE_TB_00000000000000000000000000000000_TimescaleInterval4">
            <a:extLst>
              <a:ext uri="{FF2B5EF4-FFF2-40B4-BE49-F238E27FC236}">
                <a16:creationId xmlns:a16="http://schemas.microsoft.com/office/drawing/2014/main" xmlns="" id="{92D2C7DD-DC6A-4FC2-9402-E3C949B9A22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912434" y="4433101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GB" sz="10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Mai</a:t>
            </a:r>
          </a:p>
        </p:txBody>
      </p:sp>
      <p:sp>
        <p:nvSpPr>
          <p:cNvPr id="59" name="OTLSHAPE_TB_00000000000000000000000000000000_TimescaleInterval5">
            <a:extLst>
              <a:ext uri="{FF2B5EF4-FFF2-40B4-BE49-F238E27FC236}">
                <a16:creationId xmlns:a16="http://schemas.microsoft.com/office/drawing/2014/main" xmlns="" id="{0F9E9747-7394-4946-B49D-5DD0207B042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756863" y="4433101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GB" sz="10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June</a:t>
            </a:r>
          </a:p>
        </p:txBody>
      </p:sp>
      <p:sp>
        <p:nvSpPr>
          <p:cNvPr id="74" name="OTLSHAPE_M_e1997830e9164f1897ba2794adf520f5_Date">
            <a:extLst>
              <a:ext uri="{FF2B5EF4-FFF2-40B4-BE49-F238E27FC236}">
                <a16:creationId xmlns:a16="http://schemas.microsoft.com/office/drawing/2014/main" xmlns="" id="{3990E462-7C3D-44B5-ABCF-355825EE7C9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523675" y="4869153"/>
            <a:ext cx="8645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1/03/2019</a:t>
            </a:r>
            <a:endParaRPr lang="en-GB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75" name="OTLSHAPE_M_e1997830e9164f1897ba2794adf520f5_Shape">
            <a:extLst>
              <a:ext uri="{FF2B5EF4-FFF2-40B4-BE49-F238E27FC236}">
                <a16:creationId xmlns:a16="http://schemas.microsoft.com/office/drawing/2014/main" xmlns="" id="{6275A27B-751E-4D35-9CF8-8064C53D9E7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820594" y="4558111"/>
            <a:ext cx="228600" cy="254000"/>
          </a:xfrm>
          <a:prstGeom prst="up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M_d86e152a27904588aa6294779e1dfbe9_Date">
            <a:extLst>
              <a:ext uri="{FF2B5EF4-FFF2-40B4-BE49-F238E27FC236}">
                <a16:creationId xmlns:a16="http://schemas.microsoft.com/office/drawing/2014/main" xmlns="" id="{123E7A04-C1D7-49AE-A158-6EC64CF05C3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175693" y="4869153"/>
            <a:ext cx="66949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15/05/2019</a:t>
            </a:r>
            <a:endParaRPr lang="en-GB" sz="1000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78" name="OTLSHAPE_M_d86e152a27904588aa6294779e1dfbe9_Shape">
            <a:extLst>
              <a:ext uri="{FF2B5EF4-FFF2-40B4-BE49-F238E27FC236}">
                <a16:creationId xmlns:a16="http://schemas.microsoft.com/office/drawing/2014/main" xmlns="" id="{F0628270-1D30-4688-9615-0EABE857E4C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63453" y="4595319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f3c770d8a6a24238a57b373ef9984550_Shape">
            <a:extLst>
              <a:ext uri="{FF2B5EF4-FFF2-40B4-BE49-F238E27FC236}">
                <a16:creationId xmlns:a16="http://schemas.microsoft.com/office/drawing/2014/main" xmlns="" id="{8F85BB03-79AA-4936-9E97-2E83DA0F918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892475" y="1957841"/>
            <a:ext cx="1476684" cy="198942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f3c770d8a6a24238a57b373ef9984550_JoinedDate">
            <a:extLst>
              <a:ext uri="{FF2B5EF4-FFF2-40B4-BE49-F238E27FC236}">
                <a16:creationId xmlns:a16="http://schemas.microsoft.com/office/drawing/2014/main" xmlns="" id="{3EBFF58A-B9C4-457C-AB05-33CBB358EFB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481949" y="1995183"/>
            <a:ext cx="1280046" cy="1371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1/03 – 10/04</a:t>
            </a:r>
          </a:p>
        </p:txBody>
      </p:sp>
      <p:sp>
        <p:nvSpPr>
          <p:cNvPr id="81" name="OTLSHAPE_T_f3c770d8a6a24238a57b373ef9984550_Duration">
            <a:extLst>
              <a:ext uri="{FF2B5EF4-FFF2-40B4-BE49-F238E27FC236}">
                <a16:creationId xmlns:a16="http://schemas.microsoft.com/office/drawing/2014/main" xmlns="" id="{5920D6EA-F487-450B-BC3F-6CA67839668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231641" y="1981041"/>
            <a:ext cx="77915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Jérémy</a:t>
            </a:r>
          </a:p>
        </p:txBody>
      </p:sp>
      <p:sp>
        <p:nvSpPr>
          <p:cNvPr id="82" name="OTLSHAPE_T_f3c770d8a6a24238a57b373ef9984550_Title">
            <a:extLst>
              <a:ext uri="{FF2B5EF4-FFF2-40B4-BE49-F238E27FC236}">
                <a16:creationId xmlns:a16="http://schemas.microsoft.com/office/drawing/2014/main" xmlns="" id="{C4CF40BB-71D7-46DF-B0BE-BADD8AC4CFF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27522" y="1942452"/>
            <a:ext cx="426451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lvl="0" algn="r"/>
            <a:r>
              <a:rPr lang="fr-BE" sz="1200" dirty="0"/>
              <a:t>Algorithme de reconnaissance plaque d’immatriculation</a:t>
            </a:r>
          </a:p>
        </p:txBody>
      </p:sp>
      <p:sp>
        <p:nvSpPr>
          <p:cNvPr id="83" name="OTLSHAPE_T_c3d685d5ae854fb185925e527e534f28_Shape">
            <a:extLst>
              <a:ext uri="{FF2B5EF4-FFF2-40B4-BE49-F238E27FC236}">
                <a16:creationId xmlns:a16="http://schemas.microsoft.com/office/drawing/2014/main" xmlns="" id="{F097D32F-F75D-46CB-B65A-D4D98ABE9A6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892474" y="2279404"/>
            <a:ext cx="711389" cy="23118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T_c3d685d5ae854fb185925e527e534f28_JoinedDate">
            <a:extLst>
              <a:ext uri="{FF2B5EF4-FFF2-40B4-BE49-F238E27FC236}">
                <a16:creationId xmlns:a16="http://schemas.microsoft.com/office/drawing/2014/main" xmlns="" id="{9F7856F3-59A3-4802-A4B6-A7F7B24EB45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615550" y="2339431"/>
            <a:ext cx="101284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1/03 </a:t>
            </a:r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- </a:t>
            </a:r>
            <a:r>
              <a:rPr lang="en-GB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8/03</a:t>
            </a:r>
            <a:endParaRPr lang="en-GB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5" name="OTLSHAPE_T_c3d685d5ae854fb185925e527e534f28_Duration">
            <a:extLst>
              <a:ext uri="{FF2B5EF4-FFF2-40B4-BE49-F238E27FC236}">
                <a16:creationId xmlns:a16="http://schemas.microsoft.com/office/drawing/2014/main" xmlns="" id="{D6D45116-3065-4D74-AC52-91F2792F266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949555" y="2311755"/>
            <a:ext cx="55038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Geoffrey</a:t>
            </a:r>
          </a:p>
        </p:txBody>
      </p:sp>
      <p:sp>
        <p:nvSpPr>
          <p:cNvPr id="87" name="OTLSHAPE_T_a521783cf3084313af760cd9c2923e3c_Shape">
            <a:extLst>
              <a:ext uri="{FF2B5EF4-FFF2-40B4-BE49-F238E27FC236}">
                <a16:creationId xmlns:a16="http://schemas.microsoft.com/office/drawing/2014/main" xmlns="" id="{F9324A25-EAB4-4ECA-8364-F13AE6C40DF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617835" y="2622304"/>
            <a:ext cx="757057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a521783cf3084313af760cd9c2923e3c_JoinedDate">
            <a:extLst>
              <a:ext uri="{FF2B5EF4-FFF2-40B4-BE49-F238E27FC236}">
                <a16:creationId xmlns:a16="http://schemas.microsoft.com/office/drawing/2014/main" xmlns="" id="{A6FC06CF-5229-4D59-978C-6994A4F9B56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720363" y="2667173"/>
            <a:ext cx="79007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9/03 </a:t>
            </a:r>
            <a:r>
              <a:rPr lang="en-GB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- </a:t>
            </a:r>
            <a:r>
              <a:rPr lang="en-GB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04</a:t>
            </a:r>
            <a:endParaRPr lang="en-GB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89" name="OTLSHAPE_T_a521783cf3084313af760cd9c2923e3c_Duration">
            <a:extLst>
              <a:ext uri="{FF2B5EF4-FFF2-40B4-BE49-F238E27FC236}">
                <a16:creationId xmlns:a16="http://schemas.microsoft.com/office/drawing/2014/main" xmlns="" id="{3D141BAA-06DF-4393-A1DD-F0C7CD31129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784437" y="2654654"/>
            <a:ext cx="44889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Geoffrey</a:t>
            </a:r>
            <a:endParaRPr lang="en-GB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a521783cf3084313af760cd9c2923e3c_Title">
            <a:extLst>
              <a:ext uri="{FF2B5EF4-FFF2-40B4-BE49-F238E27FC236}">
                <a16:creationId xmlns:a16="http://schemas.microsoft.com/office/drawing/2014/main" xmlns="" id="{62828EC4-CF81-4341-B29E-7D2D4C43FD3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772239" y="2640697"/>
            <a:ext cx="357981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dirty="0" err="1" smtClean="0"/>
              <a:t>Modélisation</a:t>
            </a:r>
            <a:r>
              <a:rPr lang="en-GB" sz="1200" dirty="0" smtClean="0"/>
              <a:t> des </a:t>
            </a:r>
            <a:r>
              <a:rPr lang="en-GB" sz="1200" dirty="0" err="1" smtClean="0"/>
              <a:t>mises</a:t>
            </a:r>
            <a:r>
              <a:rPr lang="en-GB" sz="1200" dirty="0" smtClean="0"/>
              <a:t> </a:t>
            </a:r>
            <a:r>
              <a:rPr lang="en-GB" sz="1200" dirty="0" err="1" smtClean="0"/>
              <a:t>en</a:t>
            </a:r>
            <a:r>
              <a:rPr lang="en-GB" sz="1200" dirty="0" smtClean="0"/>
              <a:t> places </a:t>
            </a:r>
            <a:r>
              <a:rPr lang="en-GB" sz="1200" dirty="0" err="1" smtClean="0"/>
              <a:t>pratique</a:t>
            </a:r>
            <a:r>
              <a:rPr lang="en-GB" sz="1200" dirty="0" smtClean="0"/>
              <a:t> du </a:t>
            </a:r>
            <a:r>
              <a:rPr lang="en-GB" sz="1200" dirty="0" err="1" smtClean="0"/>
              <a:t>projet</a:t>
            </a:r>
            <a:endParaRPr lang="en-GB" sz="1200" dirty="0"/>
          </a:p>
        </p:txBody>
      </p:sp>
      <p:sp>
        <p:nvSpPr>
          <p:cNvPr id="93" name="OTLSHAPE_T_9cde6d5d307b4df7b1464248cab7fef6_Duration">
            <a:extLst>
              <a:ext uri="{FF2B5EF4-FFF2-40B4-BE49-F238E27FC236}">
                <a16:creationId xmlns:a16="http://schemas.microsoft.com/office/drawing/2014/main" xmlns="" id="{D2116707-A2C0-4210-A356-19343C0FFA4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419482" y="268953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rgbClr val="EEECE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95" name="OTLSHAPE_T_6a6e7149661c4d98ae22b9a84a20c0cd_Shape">
            <a:extLst>
              <a:ext uri="{FF2B5EF4-FFF2-40B4-BE49-F238E27FC236}">
                <a16:creationId xmlns:a16="http://schemas.microsoft.com/office/drawing/2014/main" xmlns="" id="{C4709B9A-837F-4C44-B562-B34B965EFBE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34675" y="3292254"/>
            <a:ext cx="515206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6a6e7149661c4d98ae22b9a84a20c0cd_JoinedDate">
            <a:extLst>
              <a:ext uri="{FF2B5EF4-FFF2-40B4-BE49-F238E27FC236}">
                <a16:creationId xmlns:a16="http://schemas.microsoft.com/office/drawing/2014/main" xmlns="" id="{6873E0EB-E3C1-4642-B7F6-58A8193E72B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586833" y="3313228"/>
            <a:ext cx="79725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4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3/04 </a:t>
            </a:r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- </a:t>
            </a:r>
            <a:r>
              <a:rPr lang="en-GB" sz="900" spc="-4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3/05</a:t>
            </a:r>
            <a:endParaRPr lang="en-GB" sz="900" spc="-4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98" name="OTLSHAPE_T_6a6e7149661c4d98ae22b9a84a20c0cd_Title">
            <a:extLst>
              <a:ext uri="{FF2B5EF4-FFF2-40B4-BE49-F238E27FC236}">
                <a16:creationId xmlns:a16="http://schemas.microsoft.com/office/drawing/2014/main" xmlns="" id="{50DF76E1-ECEB-475D-9913-B7B0A355BDD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874416" y="3276499"/>
            <a:ext cx="150303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dirty="0" err="1" smtClean="0"/>
              <a:t>Réalisation</a:t>
            </a:r>
            <a:r>
              <a:rPr lang="en-GB" sz="1200" dirty="0" smtClean="0"/>
              <a:t> </a:t>
            </a:r>
            <a:r>
              <a:rPr lang="en-GB" sz="1200" dirty="0" err="1" smtClean="0"/>
              <a:t>pratique</a:t>
            </a:r>
            <a:endParaRPr lang="en-GB" sz="1200" dirty="0"/>
          </a:p>
        </p:txBody>
      </p:sp>
      <p:sp>
        <p:nvSpPr>
          <p:cNvPr id="99" name="OTLSHAPE_T_dbc50318743f4d6ba995fb3e7b4187d7_Shape">
            <a:extLst>
              <a:ext uri="{FF2B5EF4-FFF2-40B4-BE49-F238E27FC236}">
                <a16:creationId xmlns:a16="http://schemas.microsoft.com/office/drawing/2014/main" xmlns="" id="{3E07782F-1CA9-4908-AEE3-26F65D8C94F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359024" y="2980923"/>
            <a:ext cx="513052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highlight>
                <a:srgbClr val="FFFF00"/>
              </a:highlight>
            </a:endParaRPr>
          </a:p>
        </p:txBody>
      </p:sp>
      <p:sp>
        <p:nvSpPr>
          <p:cNvPr id="100" name="OTLSHAPE_T_dbc50318743f4d6ba995fb3e7b4187d7_JoinedDate">
            <a:extLst>
              <a:ext uri="{FF2B5EF4-FFF2-40B4-BE49-F238E27FC236}">
                <a16:creationId xmlns:a16="http://schemas.microsoft.com/office/drawing/2014/main" xmlns="" id="{C9DEFF2E-6135-44C7-8D02-8C0F7DCE119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535100" y="3030117"/>
            <a:ext cx="90072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10/04 – 25/04</a:t>
            </a:r>
          </a:p>
        </p:txBody>
      </p:sp>
      <p:sp>
        <p:nvSpPr>
          <p:cNvPr id="101" name="OTLSHAPE_T_dbc50318743f4d6ba995fb3e7b4187d7_Duration">
            <a:extLst>
              <a:ext uri="{FF2B5EF4-FFF2-40B4-BE49-F238E27FC236}">
                <a16:creationId xmlns:a16="http://schemas.microsoft.com/office/drawing/2014/main" xmlns="" id="{419BB399-03B3-40FD-A90B-85639260BF2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369159" y="2955648"/>
            <a:ext cx="47765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2" dirty="0">
                <a:solidFill>
                  <a:schemeClr val="lt2"/>
                </a:solidFill>
                <a:latin typeface="Calibri" panose="020F0502020204030204" pitchFamily="34" charset="0"/>
              </a:rPr>
              <a:t>Geoffrey</a:t>
            </a:r>
          </a:p>
          <a:p>
            <a:pPr algn="ctr"/>
            <a:r>
              <a:rPr lang="en-GB" sz="800" spc="-2" dirty="0">
                <a:solidFill>
                  <a:schemeClr val="lt2"/>
                </a:solidFill>
                <a:latin typeface="Calibri" panose="020F0502020204030204" pitchFamily="34" charset="0"/>
              </a:rPr>
              <a:t>Jérémy</a:t>
            </a:r>
          </a:p>
        </p:txBody>
      </p:sp>
      <p:sp>
        <p:nvSpPr>
          <p:cNvPr id="102" name="OTLSHAPE_T_dbc50318743f4d6ba995fb3e7b4187d7_Title">
            <a:extLst>
              <a:ext uri="{FF2B5EF4-FFF2-40B4-BE49-F238E27FC236}">
                <a16:creationId xmlns:a16="http://schemas.microsoft.com/office/drawing/2014/main" xmlns="" id="{D2C147F0-342A-4072-AD2D-A6BF603B6BD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450649" y="2990190"/>
            <a:ext cx="381305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dirty="0"/>
              <a:t>Communication</a:t>
            </a:r>
            <a:r>
              <a:rPr lang="en-GB" sz="12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 </a:t>
            </a:r>
            <a:r>
              <a:rPr lang="en-GB" sz="1200" dirty="0"/>
              <a:t>entre Arduino et Raspberry</a:t>
            </a:r>
          </a:p>
        </p:txBody>
      </p:sp>
      <p:sp>
        <p:nvSpPr>
          <p:cNvPr id="103" name="OTLSHAPE_T_d45e8f651eb34241b7613d55f188f72e_Shape">
            <a:extLst>
              <a:ext uri="{FF2B5EF4-FFF2-40B4-BE49-F238E27FC236}">
                <a16:creationId xmlns:a16="http://schemas.microsoft.com/office/drawing/2014/main" xmlns="" id="{A8195B77-76DA-4FC7-9D84-9EEEDE84B33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888180" y="3636420"/>
            <a:ext cx="589075" cy="203200"/>
          </a:xfrm>
          <a:prstGeom prst="roundRect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d45e8f651eb34241b7613d55f188f72e_JoinedDate">
            <a:extLst>
              <a:ext uri="{FF2B5EF4-FFF2-40B4-BE49-F238E27FC236}">
                <a16:creationId xmlns:a16="http://schemas.microsoft.com/office/drawing/2014/main" xmlns="" id="{FA8620F0-39C8-49CB-BEB6-C153DCA7E63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540811" y="3650050"/>
            <a:ext cx="88930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4" dirty="0">
                <a:solidFill>
                  <a:schemeClr val="accent1"/>
                </a:solidFill>
                <a:latin typeface="Century Gothic" panose="020B0502020202020204" pitchFamily="34" charset="0"/>
              </a:rPr>
              <a:t>25/04 – </a:t>
            </a:r>
            <a:r>
              <a:rPr lang="en-GB" sz="900" spc="-4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5/05</a:t>
            </a:r>
            <a:endParaRPr lang="en-GB" sz="900" spc="-4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T_d45e8f651eb34241b7613d55f188f72e_Title">
            <a:extLst>
              <a:ext uri="{FF2B5EF4-FFF2-40B4-BE49-F238E27FC236}">
                <a16:creationId xmlns:a16="http://schemas.microsoft.com/office/drawing/2014/main" xmlns="" id="{44306784-499F-46C4-BF87-C87392CF1D0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21888" y="3641041"/>
            <a:ext cx="469588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200" dirty="0"/>
              <a:t>Algorithme</a:t>
            </a:r>
            <a:r>
              <a:rPr lang="en-GB" sz="1200" dirty="0"/>
              <a:t> de reconnaissance des </a:t>
            </a:r>
            <a:r>
              <a:rPr lang="fr-BE" sz="1200" dirty="0"/>
              <a:t>numéros</a:t>
            </a:r>
            <a:r>
              <a:rPr lang="en-GB" sz="1200" dirty="0"/>
              <a:t> </a:t>
            </a:r>
            <a:r>
              <a:rPr lang="fr-FR" sz="1200" dirty="0"/>
              <a:t>écris</a:t>
            </a:r>
            <a:r>
              <a:rPr lang="en-GB" sz="1200" dirty="0"/>
              <a:t> sur la plaque</a:t>
            </a:r>
          </a:p>
        </p:txBody>
      </p:sp>
      <p:sp>
        <p:nvSpPr>
          <p:cNvPr id="130" name="OTLSHAPE_T_dbc50318743f4d6ba995fb3e7b4187d7_Duration">
            <a:extLst>
              <a:ext uri="{FF2B5EF4-FFF2-40B4-BE49-F238E27FC236}">
                <a16:creationId xmlns:a16="http://schemas.microsoft.com/office/drawing/2014/main" xmlns="" id="{60ACCAB5-372A-456D-9493-03F02EFCDF9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931656" y="3665438"/>
            <a:ext cx="54046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2" dirty="0" smtClean="0">
                <a:solidFill>
                  <a:schemeClr val="lt2"/>
                </a:solidFill>
                <a:latin typeface="Calibri" panose="020F0502020204030204" pitchFamily="34" charset="0"/>
              </a:rPr>
              <a:t>Geoffrey</a:t>
            </a:r>
            <a:endParaRPr lang="en-GB" sz="8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a521783cf3084313af760cd9c2923e3c_Title">
            <a:extLst>
              <a:ext uri="{FF2B5EF4-FFF2-40B4-BE49-F238E27FC236}">
                <a16:creationId xmlns:a16="http://schemas.microsoft.com/office/drawing/2014/main" xmlns="" id="{62828EC4-CF81-4341-B29E-7D2D4C43FD3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450648" y="2194251"/>
            <a:ext cx="389524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dirty="0" smtClean="0"/>
              <a:t>Programme de </a:t>
            </a:r>
            <a:r>
              <a:rPr lang="en-GB" sz="1200" dirty="0" err="1" smtClean="0"/>
              <a:t>gestion</a:t>
            </a:r>
            <a:r>
              <a:rPr lang="en-GB" sz="1200" dirty="0" smtClean="0"/>
              <a:t> de </a:t>
            </a:r>
            <a:r>
              <a:rPr lang="en-GB" sz="1200" dirty="0" err="1" smtClean="0"/>
              <a:t>barrière</a:t>
            </a:r>
            <a:r>
              <a:rPr lang="en-GB" sz="1200" dirty="0" smtClean="0"/>
              <a:t> et du LCD, </a:t>
            </a:r>
            <a:r>
              <a:rPr lang="en-GB" sz="1200" dirty="0" err="1" smtClean="0"/>
              <a:t>suivi</a:t>
            </a:r>
            <a:r>
              <a:rPr lang="en-GB" sz="1200" dirty="0" smtClean="0"/>
              <a:t> de la </a:t>
            </a:r>
            <a:r>
              <a:rPr lang="en-GB" sz="1200" dirty="0" err="1" smtClean="0"/>
              <a:t>modélisation</a:t>
            </a:r>
            <a:r>
              <a:rPr lang="en-GB" sz="1200" dirty="0" smtClean="0"/>
              <a:t> </a:t>
            </a:r>
            <a:r>
              <a:rPr lang="en-GB" sz="1200" dirty="0" err="1" smtClean="0"/>
              <a:t>pratique</a:t>
            </a:r>
            <a:r>
              <a:rPr lang="en-GB" sz="1200" dirty="0" smtClean="0"/>
              <a:t> de la </a:t>
            </a:r>
            <a:r>
              <a:rPr lang="en-GB" sz="1200" dirty="0" err="1" smtClean="0"/>
              <a:t>barrière</a:t>
            </a:r>
            <a:r>
              <a:rPr lang="en-GB" sz="1200" dirty="0"/>
              <a:t>.</a:t>
            </a:r>
          </a:p>
        </p:txBody>
      </p:sp>
      <p:sp>
        <p:nvSpPr>
          <p:cNvPr id="61" name="OTLSHAPE_T_9cde6d5d307b4df7b1464248cab7fef6_Shape">
            <a:extLst>
              <a:ext uri="{FF2B5EF4-FFF2-40B4-BE49-F238E27FC236}">
                <a16:creationId xmlns:a16="http://schemas.microsoft.com/office/drawing/2014/main" xmlns="" id="{85D40118-8671-40AB-BE66-4B2A347BCDA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277167" y="3911162"/>
            <a:ext cx="560008" cy="152898"/>
          </a:xfrm>
          <a:prstGeom prst="roundRect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dbc50318743f4d6ba995fb3e7b4187d7_Duration">
            <a:extLst>
              <a:ext uri="{FF2B5EF4-FFF2-40B4-BE49-F238E27FC236}">
                <a16:creationId xmlns:a16="http://schemas.microsoft.com/office/drawing/2014/main" xmlns="" id="{419BB399-03B3-40FD-A90B-85639260BF2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277167" y="3921966"/>
            <a:ext cx="572857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2" dirty="0" err="1" smtClean="0">
                <a:solidFill>
                  <a:schemeClr val="lt2"/>
                </a:solidFill>
                <a:latin typeface="Calibri" panose="020F0502020204030204" pitchFamily="34" charset="0"/>
              </a:rPr>
              <a:t>Pâques</a:t>
            </a:r>
            <a:endParaRPr lang="en-GB" sz="8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dbc50318743f4d6ba995fb3e7b4187d7_Duration">
            <a:extLst>
              <a:ext uri="{FF2B5EF4-FFF2-40B4-BE49-F238E27FC236}">
                <a16:creationId xmlns:a16="http://schemas.microsoft.com/office/drawing/2014/main" xmlns="" id="{419BB399-03B3-40FD-A90B-85639260BF2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928539" y="3325080"/>
            <a:ext cx="381355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2" dirty="0" err="1" smtClean="0">
                <a:solidFill>
                  <a:schemeClr val="lt2"/>
                </a:solidFill>
                <a:latin typeface="Calibri" panose="020F0502020204030204" pitchFamily="34" charset="0"/>
              </a:rPr>
              <a:t>Jérémy</a:t>
            </a:r>
            <a:endParaRPr lang="en-GB" sz="8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31803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6F64EA4A-67E9-4117-8B4D-0C19C415E9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BE" dirty="0"/>
              <a:t>Etat de l’art de l’existant</a:t>
            </a:r>
          </a:p>
        </p:txBody>
      </p:sp>
      <p:sp>
        <p:nvSpPr>
          <p:cNvPr id="14" name="Espace réservé du contenu 13">
            <a:extLst>
              <a:ext uri="{FF2B5EF4-FFF2-40B4-BE49-F238E27FC236}">
                <a16:creationId xmlns:a16="http://schemas.microsoft.com/office/drawing/2014/main" xmlns="" id="{E153523C-0D0B-456C-87ED-9E2C8E1378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b="1" dirty="0"/>
              <a:t>Contrôle d’accès par lecture de plaques d’immatriculation (ALPR) </a:t>
            </a:r>
          </a:p>
          <a:p>
            <a:pPr marL="0" indent="0">
              <a:buNone/>
            </a:pPr>
            <a:r>
              <a:rPr lang="fr-FR" sz="1200" dirty="0"/>
              <a:t>Ce système permet d’autoriser l’accès à un parking par lecture des plaques d’immatriculation. Il s’appuie sur une caméra IP associée à une carte Raspberry Pi et le logiciel de reconnaissance de plaques </a:t>
            </a:r>
            <a:r>
              <a:rPr lang="fr-FR" sz="1200" dirty="0" err="1"/>
              <a:t>openALPR</a:t>
            </a:r>
            <a:r>
              <a:rPr lang="fr-FR" sz="1200" dirty="0"/>
              <a:t>.</a:t>
            </a:r>
            <a:endParaRPr lang="fr-FR" sz="1200" b="1" dirty="0"/>
          </a:p>
          <a:p>
            <a:pPr marL="0" indent="0">
              <a:buNone/>
            </a:pPr>
            <a:r>
              <a:rPr lang="fr-BE" sz="1200" dirty="0">
                <a:hlinkClick r:id="rId3"/>
              </a:rPr>
              <a:t>http://www.rgot.org/controle-dacces-par-lecture-de-plaques-dimmatriculation-alpr/</a:t>
            </a:r>
            <a:endParaRPr lang="fr-BE" sz="1200" dirty="0"/>
          </a:p>
          <a:p>
            <a:pPr marL="0" indent="0">
              <a:buNone/>
            </a:pPr>
            <a:r>
              <a:rPr lang="fr-BE" sz="1200" dirty="0">
                <a:hlinkClick r:id="rId4"/>
              </a:rPr>
              <a:t>https://www.youtube.com/watch?v=sRnFKqWCVBM</a:t>
            </a:r>
            <a:endParaRPr lang="fr-BE" sz="1200" dirty="0"/>
          </a:p>
          <a:p>
            <a:pPr marL="0" indent="0">
              <a:buNone/>
            </a:pPr>
            <a:endParaRPr lang="fr-BE" sz="1200" dirty="0"/>
          </a:p>
          <a:p>
            <a:pPr marL="0" indent="0">
              <a:buNone/>
            </a:pPr>
            <a:endParaRPr lang="fr-BE" sz="1200" dirty="0"/>
          </a:p>
        </p:txBody>
      </p:sp>
    </p:spTree>
    <p:extLst>
      <p:ext uri="{BB962C8B-B14F-4D97-AF65-F5344CB8AC3E}">
        <p14:creationId xmlns:p14="http://schemas.microsoft.com/office/powerpoint/2010/main" val="12005783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adrage">
  <a:themeElements>
    <a:clrScheme name="Crop">
      <a:dk1>
        <a:sysClr val="windowText" lastClr="000000"/>
      </a:dk1>
      <a:lt1>
        <a:sysClr val="window" lastClr="FFFFFF"/>
      </a:lt1>
      <a:dk2>
        <a:srgbClr val="191B0E"/>
      </a:dk2>
      <a:lt2>
        <a:srgbClr val="EFEDE3"/>
      </a:lt2>
      <a:accent1>
        <a:srgbClr val="8C8D86"/>
      </a:accent1>
      <a:accent2>
        <a:srgbClr val="E6C069"/>
      </a:accent2>
      <a:accent3>
        <a:srgbClr val="897B61"/>
      </a:accent3>
      <a:accent4>
        <a:srgbClr val="8DAB8E"/>
      </a:accent4>
      <a:accent5>
        <a:srgbClr val="77A2BB"/>
      </a:accent5>
      <a:accent6>
        <a:srgbClr val="E28394"/>
      </a:accent6>
      <a:hlink>
        <a:srgbClr val="77A2BB"/>
      </a:hlink>
      <a:folHlink>
        <a:srgbClr val="957A99"/>
      </a:folHlink>
    </a:clrScheme>
    <a:fontScheme name="Crop">
      <a:maj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Crop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in">
          <a:solidFill>
            <a:schemeClr val="phClr"/>
          </a:solidFill>
          <a:prstDash val="solid"/>
        </a:ln>
        <a:ln w="34925" cap="flat" cmpd="sng" algn="in">
          <a:solidFill>
            <a:schemeClr val="phClr"/>
          </a:solidFill>
          <a:prstDash val="solid"/>
        </a:ln>
        <a:ln w="19050" cap="flat" cmpd="sng" algn="in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35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rop" id="{EC9488ED-E761-4D60-9AC4-764D1FE2C171}" vid="{CE19780C-D67D-4C13-9DE9-A52BC3BA51B4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ogner</Template>
  <TotalTime>350</TotalTime>
  <Words>269</Words>
  <Application>Microsoft Office PowerPoint</Application>
  <PresentationFormat>Grand écran</PresentationFormat>
  <Paragraphs>60</Paragraphs>
  <Slides>5</Slides>
  <Notes>1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5</vt:i4>
      </vt:variant>
    </vt:vector>
  </HeadingPairs>
  <TitlesOfParts>
    <vt:vector size="9" baseType="lpstr">
      <vt:lpstr>Calibri</vt:lpstr>
      <vt:lpstr>Century Gothic</vt:lpstr>
      <vt:lpstr>Franklin Gothic Book</vt:lpstr>
      <vt:lpstr>Cadrage</vt:lpstr>
      <vt:lpstr>Système intelligent</vt:lpstr>
      <vt:lpstr>Description du projet</vt:lpstr>
      <vt:lpstr>Description du matériel nécessaire</vt:lpstr>
      <vt:lpstr>Timeline et répartition des charges</vt:lpstr>
      <vt:lpstr>Etat de l’art de l’exista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ystème intelligent</dc:title>
  <dc:creator>jérémy denis</dc:creator>
  <cp:lastModifiedBy>Geoffrey Kraus</cp:lastModifiedBy>
  <cp:revision>8</cp:revision>
  <dcterms:created xsi:type="dcterms:W3CDTF">2019-02-25T11:42:33Z</dcterms:created>
  <dcterms:modified xsi:type="dcterms:W3CDTF">2019-03-13T10:07:46Z</dcterms:modified>
</cp:coreProperties>
</file>